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11"/>
  </p:sldMasterIdLst>
  <p:notesMasterIdLst>
    <p:notesMasterId r:id="rId20"/>
  </p:notesMasterIdLst>
  <p:handoutMasterIdLst>
    <p:handoutMasterId r:id="rId21"/>
  </p:handoutMasterIdLst>
  <p:sldIdLst>
    <p:sldId id="261" r:id="rId12"/>
    <p:sldId id="303" r:id="rId13"/>
    <p:sldId id="304" r:id="rId14"/>
    <p:sldId id="305" r:id="rId15"/>
    <p:sldId id="263" r:id="rId16"/>
    <p:sldId id="301" r:id="rId17"/>
    <p:sldId id="300" r:id="rId18"/>
    <p:sldId id="306" r:id="rId1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EBD"/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5A111915-BE36-4E01-A7E5-04B1672EAD32}" styleName="Light Style 2 - Accent 5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</a:tcBdr>
      </a:tcStyle>
    </a:band1H>
    <a:band1V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</a:tcBdr>
      </a:tcStyle>
    </a:band1V>
    <a:band2V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5"/>
        </a:fillRef>
      </a:tcStyle>
    </a:firstRow>
  </a:tblStyle>
  <a:tblStyle styleId="{35758FB7-9AC5-4552-8A53-C91805E547FA}" styleName="Themed Style 1 - Accent 5">
    <a:tblBg>
      <a:fillRef idx="2">
        <a:schemeClr val="accent5"/>
      </a:fillRef>
      <a:effectRef idx="1">
        <a:schemeClr val="accent5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Ref idx="1">
              <a:schemeClr val="accent5"/>
            </a:lnRef>
          </a:insideH>
          <a:insideV>
            <a:lnRef idx="1">
              <a:schemeClr val="accent5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</a:tcBdr>
        <a:fill>
          <a:solidFill>
            <a:schemeClr val="accent5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Ref idx="1">
              <a:schemeClr val="accent5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5"/>
            </a:lnRef>
          </a:left>
          <a:right>
            <a:lnRef idx="2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Ref idx="1">
              <a:schemeClr val="accent5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2">
              <a:schemeClr val="accent5"/>
            </a:lnRef>
          </a:top>
          <a:bottom>
            <a:lnRef idx="2">
              <a:schemeClr val="accent5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5"/>
          </a:solidFill>
        </a:fill>
      </a:tcStyle>
    </a:firstRow>
  </a:tblStyle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  <a:tblStyle styleId="{3C2FFA5D-87B4-456A-9821-1D502468CF0F}" styleName="Themed Style 1 -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56" d="100"/>
          <a:sy n="56" d="100"/>
        </p:scale>
        <p:origin x="976" y="2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commentAuthors" Target="commentAuthors.xml"/><Relationship Id="rId27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hanu Chander V" userId="146ea9cd-88e8-4270-bc2b-da76f2ce2add" providerId="ADAL" clId="{53832165-DE98-4DB9-8DA3-1E12EA52AA7D}"/>
    <pc:docChg chg="undo custSel delSld modSld sldOrd modMainMaster">
      <pc:chgData name="Bhanu Chander V" userId="146ea9cd-88e8-4270-bc2b-da76f2ce2add" providerId="ADAL" clId="{53832165-DE98-4DB9-8DA3-1E12EA52AA7D}" dt="2025-06-24T05:44:03.157" v="105" actId="20577"/>
      <pc:docMkLst>
        <pc:docMk/>
      </pc:docMkLst>
      <pc:sldChg chg="addSp delSp modSp mod">
        <pc:chgData name="Bhanu Chander V" userId="146ea9cd-88e8-4270-bc2b-da76f2ce2add" providerId="ADAL" clId="{53832165-DE98-4DB9-8DA3-1E12EA52AA7D}" dt="2025-06-20T07:20:09.153" v="13" actId="478"/>
        <pc:sldMkLst>
          <pc:docMk/>
          <pc:sldMk cId="2186884336" sldId="261"/>
        </pc:sldMkLst>
        <pc:spChg chg="mod">
          <ac:chgData name="Bhanu Chander V" userId="146ea9cd-88e8-4270-bc2b-da76f2ce2add" providerId="ADAL" clId="{53832165-DE98-4DB9-8DA3-1E12EA52AA7D}" dt="2025-06-20T07:20:03.114" v="11" actId="20577"/>
          <ac:spMkLst>
            <pc:docMk/>
            <pc:sldMk cId="2186884336" sldId="261"/>
            <ac:spMk id="6" creationId="{9F735C43-164B-4B11-A679-24E66B171A28}"/>
          </ac:spMkLst>
        </pc:spChg>
      </pc:sldChg>
      <pc:sldChg chg="del">
        <pc:chgData name="Bhanu Chander V" userId="146ea9cd-88e8-4270-bc2b-da76f2ce2add" providerId="ADAL" clId="{53832165-DE98-4DB9-8DA3-1E12EA52AA7D}" dt="2025-06-20T07:20:26" v="16" actId="47"/>
        <pc:sldMkLst>
          <pc:docMk/>
          <pc:sldMk cId="1416263261" sldId="279"/>
        </pc:sldMkLst>
      </pc:sldChg>
      <pc:sldChg chg="del">
        <pc:chgData name="Bhanu Chander V" userId="146ea9cd-88e8-4270-bc2b-da76f2ce2add" providerId="ADAL" clId="{53832165-DE98-4DB9-8DA3-1E12EA52AA7D}" dt="2025-06-20T07:20:27.270" v="18" actId="47"/>
        <pc:sldMkLst>
          <pc:docMk/>
          <pc:sldMk cId="1623210986" sldId="297"/>
        </pc:sldMkLst>
      </pc:sldChg>
      <pc:sldChg chg="del">
        <pc:chgData name="Bhanu Chander V" userId="146ea9cd-88e8-4270-bc2b-da76f2ce2add" providerId="ADAL" clId="{53832165-DE98-4DB9-8DA3-1E12EA52AA7D}" dt="2025-06-20T07:20:28.039" v="19" actId="47"/>
        <pc:sldMkLst>
          <pc:docMk/>
          <pc:sldMk cId="2014683449" sldId="298"/>
        </pc:sldMkLst>
      </pc:sldChg>
      <pc:sldChg chg="del">
        <pc:chgData name="Bhanu Chander V" userId="146ea9cd-88e8-4270-bc2b-da76f2ce2add" providerId="ADAL" clId="{53832165-DE98-4DB9-8DA3-1E12EA52AA7D}" dt="2025-06-20T07:20:26.720" v="17" actId="47"/>
        <pc:sldMkLst>
          <pc:docMk/>
          <pc:sldMk cId="2224382814" sldId="302"/>
        </pc:sldMkLst>
      </pc:sldChg>
      <pc:sldChg chg="ord">
        <pc:chgData name="Bhanu Chander V" userId="146ea9cd-88e8-4270-bc2b-da76f2ce2add" providerId="ADAL" clId="{53832165-DE98-4DB9-8DA3-1E12EA52AA7D}" dt="2025-06-20T07:20:22.568" v="15"/>
        <pc:sldMkLst>
          <pc:docMk/>
          <pc:sldMk cId="2198374124" sldId="303"/>
        </pc:sldMkLst>
      </pc:sldChg>
      <pc:sldChg chg="ord">
        <pc:chgData name="Bhanu Chander V" userId="146ea9cd-88e8-4270-bc2b-da76f2ce2add" providerId="ADAL" clId="{53832165-DE98-4DB9-8DA3-1E12EA52AA7D}" dt="2025-06-20T07:20:22.568" v="15"/>
        <pc:sldMkLst>
          <pc:docMk/>
          <pc:sldMk cId="2614256090" sldId="304"/>
        </pc:sldMkLst>
      </pc:sldChg>
      <pc:sldChg chg="addSp delSp modSp mod ord">
        <pc:chgData name="Bhanu Chander V" userId="146ea9cd-88e8-4270-bc2b-da76f2ce2add" providerId="ADAL" clId="{53832165-DE98-4DB9-8DA3-1E12EA52AA7D}" dt="2025-06-24T05:43:00.696" v="77" actId="21"/>
        <pc:sldMkLst>
          <pc:docMk/>
          <pc:sldMk cId="1868720222" sldId="305"/>
        </pc:sldMkLst>
        <pc:spChg chg="add del">
          <ac:chgData name="Bhanu Chander V" userId="146ea9cd-88e8-4270-bc2b-da76f2ce2add" providerId="ADAL" clId="{53832165-DE98-4DB9-8DA3-1E12EA52AA7D}" dt="2025-06-24T05:43:00.696" v="77" actId="21"/>
          <ac:spMkLst>
            <pc:docMk/>
            <pc:sldMk cId="1868720222" sldId="305"/>
            <ac:spMk id="2" creationId="{5A71DC11-7B0D-0565-896B-B0E31B7C549A}"/>
          </ac:spMkLst>
        </pc:spChg>
        <pc:spChg chg="add del mod">
          <ac:chgData name="Bhanu Chander V" userId="146ea9cd-88e8-4270-bc2b-da76f2ce2add" providerId="ADAL" clId="{53832165-DE98-4DB9-8DA3-1E12EA52AA7D}" dt="2025-06-24T05:43:00.696" v="77" actId="21"/>
          <ac:spMkLst>
            <pc:docMk/>
            <pc:sldMk cId="1868720222" sldId="305"/>
            <ac:spMk id="4" creationId="{AFAE9BEE-1BD9-FC21-E3D6-C5A15242DDAE}"/>
          </ac:spMkLst>
        </pc:spChg>
        <pc:spChg chg="add del">
          <ac:chgData name="Bhanu Chander V" userId="146ea9cd-88e8-4270-bc2b-da76f2ce2add" providerId="ADAL" clId="{53832165-DE98-4DB9-8DA3-1E12EA52AA7D}" dt="2025-06-24T05:43:00.696" v="77" actId="21"/>
          <ac:spMkLst>
            <pc:docMk/>
            <pc:sldMk cId="1868720222" sldId="305"/>
            <ac:spMk id="12" creationId="{7E5687D7-32EA-FDE4-CF12-239EFDA1D508}"/>
          </ac:spMkLst>
        </pc:spChg>
        <pc:spChg chg="add del">
          <ac:chgData name="Bhanu Chander V" userId="146ea9cd-88e8-4270-bc2b-da76f2ce2add" providerId="ADAL" clId="{53832165-DE98-4DB9-8DA3-1E12EA52AA7D}" dt="2025-06-24T05:43:00.696" v="77" actId="21"/>
          <ac:spMkLst>
            <pc:docMk/>
            <pc:sldMk cId="1868720222" sldId="305"/>
            <ac:spMk id="13" creationId="{BC197F72-3070-EFB9-D552-51E018DC7BA5}"/>
          </ac:spMkLst>
        </pc:spChg>
        <pc:spChg chg="add del">
          <ac:chgData name="Bhanu Chander V" userId="146ea9cd-88e8-4270-bc2b-da76f2ce2add" providerId="ADAL" clId="{53832165-DE98-4DB9-8DA3-1E12EA52AA7D}" dt="2025-06-24T05:43:00.696" v="77" actId="21"/>
          <ac:spMkLst>
            <pc:docMk/>
            <pc:sldMk cId="1868720222" sldId="305"/>
            <ac:spMk id="14" creationId="{C4D69AB7-F0BF-4FC6-6353-26C8EF1FAD05}"/>
          </ac:spMkLst>
        </pc:spChg>
        <pc:spChg chg="add del">
          <ac:chgData name="Bhanu Chander V" userId="146ea9cd-88e8-4270-bc2b-da76f2ce2add" providerId="ADAL" clId="{53832165-DE98-4DB9-8DA3-1E12EA52AA7D}" dt="2025-06-24T05:43:00.696" v="77" actId="21"/>
          <ac:spMkLst>
            <pc:docMk/>
            <pc:sldMk cId="1868720222" sldId="305"/>
            <ac:spMk id="15" creationId="{6D4E1A70-AC87-2163-9B33-E60A46A8DD0C}"/>
          </ac:spMkLst>
        </pc:spChg>
        <pc:picChg chg="add del">
          <ac:chgData name="Bhanu Chander V" userId="146ea9cd-88e8-4270-bc2b-da76f2ce2add" providerId="ADAL" clId="{53832165-DE98-4DB9-8DA3-1E12EA52AA7D}" dt="2025-06-24T05:43:00.696" v="77" actId="21"/>
          <ac:picMkLst>
            <pc:docMk/>
            <pc:sldMk cId="1868720222" sldId="305"/>
            <ac:picMk id="11" creationId="{76AA7234-0ED2-EA91-3A51-5BC608B35EC7}"/>
          </ac:picMkLst>
        </pc:picChg>
      </pc:sldChg>
      <pc:sldMasterChg chg="modSp mod modSldLayout">
        <pc:chgData name="Bhanu Chander V" userId="146ea9cd-88e8-4270-bc2b-da76f2ce2add" providerId="ADAL" clId="{53832165-DE98-4DB9-8DA3-1E12EA52AA7D}" dt="2025-06-24T05:44:03.157" v="105" actId="20577"/>
        <pc:sldMasterMkLst>
          <pc:docMk/>
          <pc:sldMasterMk cId="2242401632" sldId="2147483648"/>
        </pc:sldMasterMkLst>
        <pc:spChg chg="mod modVis">
          <ac:chgData name="Bhanu Chander V" userId="146ea9cd-88e8-4270-bc2b-da76f2ce2add" providerId="ADAL" clId="{53832165-DE98-4DB9-8DA3-1E12EA52AA7D}" dt="2025-06-24T05:44:03.052" v="79"/>
          <ac:spMkLst>
            <pc:docMk/>
            <pc:sldMasterMk cId="2242401632" sldId="2147483648"/>
            <ac:spMk id="8" creationId="{96E06C7F-9F82-898A-6F4F-CAF6B7DED755}"/>
          </ac:spMkLst>
        </pc:spChg>
        <pc:spChg chg="mod modVis">
          <ac:chgData name="Bhanu Chander V" userId="146ea9cd-88e8-4270-bc2b-da76f2ce2add" providerId="ADAL" clId="{53832165-DE98-4DB9-8DA3-1E12EA52AA7D}" dt="2025-06-24T05:44:03.062" v="83"/>
          <ac:spMkLst>
            <pc:docMk/>
            <pc:sldMasterMk cId="2242401632" sldId="2147483648"/>
            <ac:spMk id="9" creationId="{7C702C89-CFA4-6C8F-96AF-900A18CAC7E2}"/>
          </ac:spMkLst>
        </pc:spChg>
        <pc:spChg chg="mod modVis">
          <ac:chgData name="Bhanu Chander V" userId="146ea9cd-88e8-4270-bc2b-da76f2ce2add" providerId="ADAL" clId="{53832165-DE98-4DB9-8DA3-1E12EA52AA7D}" dt="2025-06-24T05:44:03.125" v="94" actId="20577"/>
          <ac:spMkLst>
            <pc:docMk/>
            <pc:sldMasterMk cId="2242401632" sldId="2147483648"/>
            <ac:spMk id="14" creationId="{D1FCD200-65D5-439C-AECC-B22E31B69313}"/>
          </ac:spMkLst>
        </pc:spChg>
        <pc:picChg chg="mod modVis">
          <ac:chgData name="Bhanu Chander V" userId="146ea9cd-88e8-4270-bc2b-da76f2ce2add" providerId="ADAL" clId="{53832165-DE98-4DB9-8DA3-1E12EA52AA7D}" dt="2025-06-24T05:44:03.109" v="91"/>
          <ac:picMkLst>
            <pc:docMk/>
            <pc:sldMasterMk cId="2242401632" sldId="2147483648"/>
            <ac:picMk id="11" creationId="{BB08CBEA-8100-48CC-9FC4-8A66553571A5}"/>
          </ac:picMkLst>
        </pc:picChg>
        <pc:sldLayoutChg chg="modSp mod">
          <pc:chgData name="Bhanu Chander V" userId="146ea9cd-88e8-4270-bc2b-da76f2ce2add" providerId="ADAL" clId="{53832165-DE98-4DB9-8DA3-1E12EA52AA7D}" dt="2025-06-24T05:44:03.125" v="95" actId="20577"/>
          <pc:sldLayoutMkLst>
            <pc:docMk/>
            <pc:sldMasterMk cId="2242401632" sldId="2147483648"/>
            <pc:sldLayoutMk cId="3338552180" sldId="2147483649"/>
          </pc:sldLayoutMkLst>
          <pc:spChg chg="mod">
            <ac:chgData name="Bhanu Chander V" userId="146ea9cd-88e8-4270-bc2b-da76f2ce2add" providerId="ADAL" clId="{53832165-DE98-4DB9-8DA3-1E12EA52AA7D}" dt="2025-06-24T05:44:03.125" v="95" actId="20577"/>
            <ac:spMkLst>
              <pc:docMk/>
              <pc:sldMasterMk cId="2242401632" sldId="2147483648"/>
              <pc:sldLayoutMk cId="3338552180" sldId="2147483649"/>
              <ac:spMk id="18" creationId="{72AFD311-4076-40D0-970F-D430967AA3D8}"/>
            </ac:spMkLst>
          </pc:spChg>
        </pc:sldLayoutChg>
        <pc:sldLayoutChg chg="modSp mod">
          <pc:chgData name="Bhanu Chander V" userId="146ea9cd-88e8-4270-bc2b-da76f2ce2add" providerId="ADAL" clId="{53832165-DE98-4DB9-8DA3-1E12EA52AA7D}" dt="2025-06-24T05:44:03.157" v="105" actId="20577"/>
          <pc:sldLayoutMkLst>
            <pc:docMk/>
            <pc:sldMasterMk cId="2242401632" sldId="2147483648"/>
            <pc:sldLayoutMk cId="3401676780" sldId="2147483695"/>
          </pc:sldLayoutMkLst>
          <pc:spChg chg="mod modVis">
            <ac:chgData name="Bhanu Chander V" userId="146ea9cd-88e8-4270-bc2b-da76f2ce2add" providerId="ADAL" clId="{53832165-DE98-4DB9-8DA3-1E12EA52AA7D}" dt="2025-06-24T05:44:03.157" v="105" actId="20577"/>
            <ac:spMkLst>
              <pc:docMk/>
              <pc:sldMasterMk cId="2242401632" sldId="2147483648"/>
              <pc:sldLayoutMk cId="3401676780" sldId="2147483695"/>
              <ac:spMk id="6" creationId="{7185D9D8-D11B-3B47-230F-74A7A19935AB}"/>
            </ac:spMkLst>
          </pc:spChg>
          <pc:spChg chg="mod modVis">
            <ac:chgData name="Bhanu Chander V" userId="146ea9cd-88e8-4270-bc2b-da76f2ce2add" providerId="ADAL" clId="{53832165-DE98-4DB9-8DA3-1E12EA52AA7D}" dt="2025-06-24T05:44:03.052" v="81"/>
            <ac:spMkLst>
              <pc:docMk/>
              <pc:sldMasterMk cId="2242401632" sldId="2147483648"/>
              <pc:sldLayoutMk cId="3401676780" sldId="2147483695"/>
              <ac:spMk id="10" creationId="{0B08ACCB-C2A9-AB0F-53B9-508FB5BB603A}"/>
            </ac:spMkLst>
          </pc:spChg>
          <pc:spChg chg="mod modVis">
            <ac:chgData name="Bhanu Chander V" userId="146ea9cd-88e8-4270-bc2b-da76f2ce2add" providerId="ADAL" clId="{53832165-DE98-4DB9-8DA3-1E12EA52AA7D}" dt="2025-06-24T05:44:03.062" v="85"/>
            <ac:spMkLst>
              <pc:docMk/>
              <pc:sldMasterMk cId="2242401632" sldId="2147483648"/>
              <pc:sldLayoutMk cId="3401676780" sldId="2147483695"/>
              <ac:spMk id="12" creationId="{41A3BA16-6B6A-D206-D9D9-E6B17F9FD035}"/>
            </ac:spMkLst>
          </pc:spChg>
          <pc:picChg chg="mod modVis">
            <ac:chgData name="Bhanu Chander V" userId="146ea9cd-88e8-4270-bc2b-da76f2ce2add" providerId="ADAL" clId="{53832165-DE98-4DB9-8DA3-1E12EA52AA7D}" dt="2025-06-24T05:44:03.109" v="93"/>
            <ac:picMkLst>
              <pc:docMk/>
              <pc:sldMasterMk cId="2242401632" sldId="2147483648"/>
              <pc:sldLayoutMk cId="3401676780" sldId="2147483695"/>
              <ac:picMk id="2" creationId="{B5B2B43B-F910-7839-8063-5DB9432AABAB}"/>
            </ac:picMkLst>
          </pc:picChg>
        </pc:sldLayoutChg>
        <pc:sldLayoutChg chg="modSp mod">
          <pc:chgData name="Bhanu Chander V" userId="146ea9cd-88e8-4270-bc2b-da76f2ce2add" providerId="ADAL" clId="{53832165-DE98-4DB9-8DA3-1E12EA52AA7D}" dt="2025-06-24T05:44:03.125" v="97" actId="20577"/>
          <pc:sldLayoutMkLst>
            <pc:docMk/>
            <pc:sldMasterMk cId="2242401632" sldId="2147483648"/>
            <pc:sldLayoutMk cId="2362327277" sldId="2147483696"/>
          </pc:sldLayoutMkLst>
          <pc:spChg chg="mod">
            <ac:chgData name="Bhanu Chander V" userId="146ea9cd-88e8-4270-bc2b-da76f2ce2add" providerId="ADAL" clId="{53832165-DE98-4DB9-8DA3-1E12EA52AA7D}" dt="2025-06-24T05:44:03.125" v="97" actId="20577"/>
            <ac:spMkLst>
              <pc:docMk/>
              <pc:sldMasterMk cId="2242401632" sldId="2147483648"/>
              <pc:sldLayoutMk cId="2362327277" sldId="2147483696"/>
              <ac:spMk id="21" creationId="{867EF0E0-86BF-44FA-AC2D-C951CA90505C}"/>
            </ac:spMkLst>
          </pc:spChg>
        </pc:sldLayoutChg>
        <pc:sldLayoutChg chg="modSp mod">
          <pc:chgData name="Bhanu Chander V" userId="146ea9cd-88e8-4270-bc2b-da76f2ce2add" providerId="ADAL" clId="{53832165-DE98-4DB9-8DA3-1E12EA52AA7D}" dt="2025-06-24T05:44:03.137" v="99" actId="20577"/>
          <pc:sldLayoutMkLst>
            <pc:docMk/>
            <pc:sldMasterMk cId="2242401632" sldId="2147483648"/>
            <pc:sldLayoutMk cId="2824996737" sldId="2147483697"/>
          </pc:sldLayoutMkLst>
          <pc:spChg chg="mod">
            <ac:chgData name="Bhanu Chander V" userId="146ea9cd-88e8-4270-bc2b-da76f2ce2add" providerId="ADAL" clId="{53832165-DE98-4DB9-8DA3-1E12EA52AA7D}" dt="2025-06-24T05:44:03.137" v="99" actId="20577"/>
            <ac:spMkLst>
              <pc:docMk/>
              <pc:sldMasterMk cId="2242401632" sldId="2147483648"/>
              <pc:sldLayoutMk cId="2824996737" sldId="2147483697"/>
              <ac:spMk id="23" creationId="{47C61707-0D77-48A5-9714-CB909585A68D}"/>
            </ac:spMkLst>
          </pc:spChg>
        </pc:sldLayoutChg>
        <pc:sldLayoutChg chg="modSp mod">
          <pc:chgData name="Bhanu Chander V" userId="146ea9cd-88e8-4270-bc2b-da76f2ce2add" providerId="ADAL" clId="{53832165-DE98-4DB9-8DA3-1E12EA52AA7D}" dt="2025-06-24T05:44:03.125" v="96" actId="20577"/>
          <pc:sldLayoutMkLst>
            <pc:docMk/>
            <pc:sldMasterMk cId="2242401632" sldId="2147483648"/>
            <pc:sldLayoutMk cId="1630792345" sldId="2147483700"/>
          </pc:sldLayoutMkLst>
          <pc:spChg chg="mod">
            <ac:chgData name="Bhanu Chander V" userId="146ea9cd-88e8-4270-bc2b-da76f2ce2add" providerId="ADAL" clId="{53832165-DE98-4DB9-8DA3-1E12EA52AA7D}" dt="2025-06-24T05:44:03.125" v="96" actId="20577"/>
            <ac:spMkLst>
              <pc:docMk/>
              <pc:sldMasterMk cId="2242401632" sldId="2147483648"/>
              <pc:sldLayoutMk cId="1630792345" sldId="2147483700"/>
              <ac:spMk id="19" creationId="{B0D0F57F-14FF-4552-BF2B-6E2C9856C84B}"/>
            </ac:spMkLst>
          </pc:spChg>
        </pc:sldLayoutChg>
        <pc:sldLayoutChg chg="modSp mod">
          <pc:chgData name="Bhanu Chander V" userId="146ea9cd-88e8-4270-bc2b-da76f2ce2add" providerId="ADAL" clId="{53832165-DE98-4DB9-8DA3-1E12EA52AA7D}" dt="2025-06-24T05:44:03.137" v="98" actId="20577"/>
          <pc:sldLayoutMkLst>
            <pc:docMk/>
            <pc:sldMasterMk cId="2242401632" sldId="2147483648"/>
            <pc:sldLayoutMk cId="301784237" sldId="2147483703"/>
          </pc:sldLayoutMkLst>
          <pc:spChg chg="mod">
            <ac:chgData name="Bhanu Chander V" userId="146ea9cd-88e8-4270-bc2b-da76f2ce2add" providerId="ADAL" clId="{53832165-DE98-4DB9-8DA3-1E12EA52AA7D}" dt="2025-06-24T05:44:03.137" v="98" actId="20577"/>
            <ac:spMkLst>
              <pc:docMk/>
              <pc:sldMasterMk cId="2242401632" sldId="2147483648"/>
              <pc:sldLayoutMk cId="301784237" sldId="2147483703"/>
              <ac:spMk id="19" creationId="{44496121-D0E1-4C2C-869C-41036E3F6F78}"/>
            </ac:spMkLst>
          </pc:spChg>
        </pc:sldLayoutChg>
        <pc:sldLayoutChg chg="modSp mod">
          <pc:chgData name="Bhanu Chander V" userId="146ea9cd-88e8-4270-bc2b-da76f2ce2add" providerId="ADAL" clId="{53832165-DE98-4DB9-8DA3-1E12EA52AA7D}" dt="2025-06-24T05:44:03.141" v="100" actId="20577"/>
          <pc:sldLayoutMkLst>
            <pc:docMk/>
            <pc:sldMasterMk cId="2242401632" sldId="2147483648"/>
            <pc:sldLayoutMk cId="737767433" sldId="2147483704"/>
          </pc:sldLayoutMkLst>
          <pc:spChg chg="mod">
            <ac:chgData name="Bhanu Chander V" userId="146ea9cd-88e8-4270-bc2b-da76f2ce2add" providerId="ADAL" clId="{53832165-DE98-4DB9-8DA3-1E12EA52AA7D}" dt="2025-06-24T05:44:03.141" v="100" actId="20577"/>
            <ac:spMkLst>
              <pc:docMk/>
              <pc:sldMasterMk cId="2242401632" sldId="2147483648"/>
              <pc:sldLayoutMk cId="737767433" sldId="2147483704"/>
              <ac:spMk id="21" creationId="{72C259B8-2007-488D-8494-693ADFA23A83}"/>
            </ac:spMkLst>
          </pc:spChg>
        </pc:sldLayoutChg>
        <pc:sldLayoutChg chg="modSp mod">
          <pc:chgData name="Bhanu Chander V" userId="146ea9cd-88e8-4270-bc2b-da76f2ce2add" providerId="ADAL" clId="{53832165-DE98-4DB9-8DA3-1E12EA52AA7D}" dt="2025-06-24T05:44:03.141" v="101" actId="20577"/>
          <pc:sldLayoutMkLst>
            <pc:docMk/>
            <pc:sldMasterMk cId="2242401632" sldId="2147483648"/>
            <pc:sldLayoutMk cId="1145265651" sldId="2147483711"/>
          </pc:sldLayoutMkLst>
          <pc:spChg chg="mod">
            <ac:chgData name="Bhanu Chander V" userId="146ea9cd-88e8-4270-bc2b-da76f2ce2add" providerId="ADAL" clId="{53832165-DE98-4DB9-8DA3-1E12EA52AA7D}" dt="2025-06-24T05:44:03.141" v="101" actId="20577"/>
            <ac:spMkLst>
              <pc:docMk/>
              <pc:sldMasterMk cId="2242401632" sldId="2147483648"/>
              <pc:sldLayoutMk cId="1145265651" sldId="2147483711"/>
              <ac:spMk id="21" creationId="{867EF0E0-86BF-44FA-AC2D-C951CA90505C}"/>
            </ac:spMkLst>
          </pc:spChg>
        </pc:sldLayoutChg>
        <pc:sldLayoutChg chg="modSp mod">
          <pc:chgData name="Bhanu Chander V" userId="146ea9cd-88e8-4270-bc2b-da76f2ce2add" providerId="ADAL" clId="{53832165-DE98-4DB9-8DA3-1E12EA52AA7D}" dt="2025-06-24T05:44:03.141" v="102" actId="20577"/>
          <pc:sldLayoutMkLst>
            <pc:docMk/>
            <pc:sldMasterMk cId="2242401632" sldId="2147483648"/>
            <pc:sldLayoutMk cId="1445904931" sldId="2147483712"/>
          </pc:sldLayoutMkLst>
          <pc:spChg chg="mod">
            <ac:chgData name="Bhanu Chander V" userId="146ea9cd-88e8-4270-bc2b-da76f2ce2add" providerId="ADAL" clId="{53832165-DE98-4DB9-8DA3-1E12EA52AA7D}" dt="2025-06-24T05:44:03.141" v="102" actId="20577"/>
            <ac:spMkLst>
              <pc:docMk/>
              <pc:sldMasterMk cId="2242401632" sldId="2147483648"/>
              <pc:sldLayoutMk cId="1445904931" sldId="2147483712"/>
              <ac:spMk id="19" creationId="{44496121-D0E1-4C2C-869C-41036E3F6F78}"/>
            </ac:spMkLst>
          </pc:spChg>
        </pc:sldLayoutChg>
        <pc:sldLayoutChg chg="modSp mod">
          <pc:chgData name="Bhanu Chander V" userId="146ea9cd-88e8-4270-bc2b-da76f2ce2add" providerId="ADAL" clId="{53832165-DE98-4DB9-8DA3-1E12EA52AA7D}" dt="2025-06-24T05:44:03.141" v="103" actId="20577"/>
          <pc:sldLayoutMkLst>
            <pc:docMk/>
            <pc:sldMasterMk cId="2242401632" sldId="2147483648"/>
            <pc:sldLayoutMk cId="115734747" sldId="2147483713"/>
          </pc:sldLayoutMkLst>
          <pc:spChg chg="mod">
            <ac:chgData name="Bhanu Chander V" userId="146ea9cd-88e8-4270-bc2b-da76f2ce2add" providerId="ADAL" clId="{53832165-DE98-4DB9-8DA3-1E12EA52AA7D}" dt="2025-06-24T05:44:03.141" v="103" actId="20577"/>
            <ac:spMkLst>
              <pc:docMk/>
              <pc:sldMasterMk cId="2242401632" sldId="2147483648"/>
              <pc:sldLayoutMk cId="115734747" sldId="2147483713"/>
              <ac:spMk id="23" creationId="{47C61707-0D77-48A5-9714-CB909585A68D}"/>
            </ac:spMkLst>
          </pc:spChg>
        </pc:sldLayoutChg>
        <pc:sldLayoutChg chg="modSp mod">
          <pc:chgData name="Bhanu Chander V" userId="146ea9cd-88e8-4270-bc2b-da76f2ce2add" providerId="ADAL" clId="{53832165-DE98-4DB9-8DA3-1E12EA52AA7D}" dt="2025-06-24T05:44:03.141" v="104" actId="20577"/>
          <pc:sldLayoutMkLst>
            <pc:docMk/>
            <pc:sldMasterMk cId="2242401632" sldId="2147483648"/>
            <pc:sldLayoutMk cId="1962680018" sldId="2147483714"/>
          </pc:sldLayoutMkLst>
          <pc:spChg chg="mod">
            <ac:chgData name="Bhanu Chander V" userId="146ea9cd-88e8-4270-bc2b-da76f2ce2add" providerId="ADAL" clId="{53832165-DE98-4DB9-8DA3-1E12EA52AA7D}" dt="2025-06-24T05:44:03.141" v="104" actId="20577"/>
            <ac:spMkLst>
              <pc:docMk/>
              <pc:sldMasterMk cId="2242401632" sldId="2147483648"/>
              <pc:sldLayoutMk cId="1962680018" sldId="2147483714"/>
              <ac:spMk id="21" creationId="{72C259B8-2007-488D-8494-693ADFA23A83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6/24/2025</a:t>
            </a:fld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6/24/2025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4959560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6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June 24, 2025</a:t>
            </a:fld>
            <a:endParaRPr lang="en-US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/>
              <a:t>—</a:t>
            </a:r>
            <a:endParaRPr lang="en-US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764628464" name="Classification" descr="{&quot;templafy&quot;:{&quot;id&quot;:&quot;8d11535e-ce94-48a9-b777-d05e314c051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J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6147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3416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4827600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104000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noProof="0"/>
              <a:t>—</a:t>
            </a:r>
            <a:endParaRPr lang="en-US"/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0D1362E-CE78-4662-BA91-6D9EC4483C6D}" type="datetime4">
              <a:rPr lang="en-US" smtClean="0"/>
              <a:t>June 24, 2025</a:t>
            </a:fld>
            <a:endParaRPr lang="en-US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6FB3D56-49DD-D6FE-EE0F-8D25858E4E1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D3C50304-11E7-7DA8-E93B-1049644DB6BA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497232825" name="Classification" descr="{&quot;templafy&quot;:{&quot;id&quot;:&quot;33c3163c-939e-4d3d-8b15-3bbaf1ba265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26800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/>
              <a:t>—</a:t>
            </a:r>
            <a:br>
              <a:rPr lang="en-US"/>
            </a:br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June 24, 2025</a:t>
            </a:fld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/>
              <a:t>—</a:t>
            </a:r>
            <a:br>
              <a:rPr lang="en-US"/>
            </a:br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63B783F-8B3F-FC7D-CFF6-A945E0AF600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C309238-6773-4B40-B75A-F4F5CD040202}" type="datetime4">
              <a:rPr lang="en-US" smtClean="0"/>
              <a:t>June 24, 2025</a:t>
            </a:fld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BBB293D-D031-5695-8428-C67F0D88F6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FAAD8AB-118C-AD72-4FA0-0082F2FD2830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June 24, 2025</a:t>
            </a:fld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June 24, 2025</a:t>
            </a:fld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June 24, 2025</a:t>
            </a:fld>
            <a:endParaRPr lang="en-US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/>
              <a:t>—</a:t>
            </a:r>
            <a:endParaRPr lang="en-US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92631111" name="Classification" descr="{&quot;templafy&quot;:{&quot;id&quot;:&quot;a838528d-70ed-4d4c-8dbd-414474f55dd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June 24, 2025</a:t>
            </a:fld>
            <a:endParaRPr lang="en-US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/>
              <a:t>.</a:t>
            </a:r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446982043" name="Classification" descr="{&quot;templafy&quot;:{&quot;id&quot;:&quot;f4d5a819-eb17-4ba1-b345-c6eb96a8f3c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June 24, 2025</a:t>
            </a:fld>
            <a:endParaRPr lang="en-US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/>
              <a:t>.</a:t>
            </a:r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776521504" name="Classification" descr="{&quot;templafy&quot;:{&quot;id&quot;:&quot;b0c9ed31-e9f5-43ba-aa94-cc01658f538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2FD292C-8ACD-4DDF-85DC-F78023C9F065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pic>
        <p:nvPicPr>
          <p:cNvPr id="2" name="LogoFooter">
            <a:extLst>
              <a:ext uri="{FF2B5EF4-FFF2-40B4-BE49-F238E27FC236}">
                <a16:creationId xmlns:a16="http://schemas.microsoft.com/office/drawing/2014/main" id="{B5B2B43B-F910-7839-8063-5DB9432AABA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6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185D9D8-D11B-3B47-230F-74A7A19935AB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41A3BA16-6B6A-D206-D9D9-E6B17F9FD035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10" name="Date dynamic">
            <a:extLst>
              <a:ext uri="{FF2B5EF4-FFF2-40B4-BE49-F238E27FC236}">
                <a16:creationId xmlns:a16="http://schemas.microsoft.com/office/drawing/2014/main" id="{0B08ACCB-C2A9-AB0F-53B9-508FB5BB603A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>
                <a:solidFill>
                  <a:schemeClr val="tx1"/>
                </a:solidFill>
              </a:rPr>
              <a:t>May 8, 2023</a:t>
            </a: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/>
              <a:t>—</a:t>
            </a:r>
            <a:endParaRPr lang="en-US"/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June 24, 2025</a:t>
            </a:fld>
            <a:endParaRPr lang="en-US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29726889" name="Classification" descr="{&quot;templafy&quot;:{&quot;id&quot;:&quot;d9da1d87-11a4-4659-893e-aa5746093dd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/>
              <a:t>—</a:t>
            </a:r>
            <a:endParaRPr lang="en-US"/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June 24, 2025</a:t>
            </a:fld>
            <a:endParaRPr lang="en-US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2131960344" name="Classification" descr="{&quot;templafy&quot;:{&quot;id&quot;:&quot;be526408-ac36-4fbc-a341-755f6854ea5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June 24, 2025</a:t>
            </a:fld>
            <a:endParaRPr lang="en-US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>
                <a:solidFill>
                  <a:schemeClr val="bg1"/>
                </a:solidFill>
              </a:rPr>
              <a:t>If you see any </a:t>
            </a:r>
            <a:r>
              <a:rPr lang="en-US" sz="4400" b="1" i="0" noProof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>
                <a:solidFill>
                  <a:schemeClr val="bg1"/>
                </a:solidFill>
              </a:rPr>
              <a:t>one</a:t>
            </a:r>
            <a:r>
              <a:rPr lang="en-US" sz="4400" b="1" i="1" noProof="0">
                <a:solidFill>
                  <a:schemeClr val="bg1"/>
                </a:solidFill>
              </a:rPr>
              <a:t>,</a:t>
            </a:r>
            <a:br>
              <a:rPr lang="en-GB" sz="4400" b="0" i="0" noProof="0">
                <a:solidFill>
                  <a:schemeClr val="bg1"/>
                </a:solidFill>
              </a:rPr>
            </a:br>
            <a:r>
              <a:rPr lang="en-US" sz="4400" b="0" noProof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>
                <a:solidFill>
                  <a:schemeClr val="bg1"/>
                </a:solidFill>
              </a:rPr>
              <a:t>are not </a:t>
            </a:r>
            <a:r>
              <a:rPr lang="en-US" sz="4400" b="0" noProof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>
                <a:solidFill>
                  <a:schemeClr val="bg1"/>
                </a:solidFill>
              </a:rPr>
            </a:br>
            <a:br>
              <a:rPr lang="en-GB" sz="2800" b="0" noProof="0">
                <a:solidFill>
                  <a:schemeClr val="bg1"/>
                </a:solidFill>
              </a:rPr>
            </a:br>
            <a:endParaRPr lang="en-US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>
                <a:solidFill>
                  <a:schemeClr val="bg1"/>
                </a:solidFill>
              </a:rPr>
              <a:t>Do not use </a:t>
            </a:r>
            <a:endParaRPr lang="en-US" sz="15000" b="1" i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>
                <a:solidFill>
                  <a:schemeClr val="bg1"/>
                </a:solidFill>
              </a:rPr>
            </a:br>
            <a:endParaRPr lang="en-US" sz="1800" b="0" noProof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June 24, 2025</a:t>
            </a:fld>
            <a:endParaRPr lang="en-US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1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1A8DF43-FF6F-B58B-D4C9-B120C37C4CB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BAACB66-7F9F-61BE-1997-5D10E98D60B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A806A40-8146-4C46-A669-604AE817EB45}" type="datetime4">
              <a:rPr lang="en-US" smtClean="0"/>
              <a:t>June 24, 2025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49979B-E059-2D36-18ED-E242AA85F1B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687622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529791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012939"/>
            <a:ext cx="9787525" cy="1164023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4341199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AB468AA7-2417-4EDD-9C40-B1F71A656BC8}" type="datetime4">
              <a:rPr lang="en-US" smtClean="0"/>
              <a:t>June 24, 2025</a:t>
            </a:fld>
            <a:endParaRPr lang="en-US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104354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noProof="0"/>
              <a:t>.</a:t>
            </a:r>
            <a:endParaRPr lang="en-US"/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6CA92E7-5573-4777-86BE-AA16C43E45A6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FB0A454-F067-B785-E991-D0F17082F0A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373512696" name="Classification" descr="{&quot;templafy&quot;:{&quot;id&quot;:&quot;af4a5e0e-0509-4fea-810c-aaf15cefe97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45265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H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3430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4826149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4D124D52-1503-4931-ACF6-5F9324FA9DE6}" type="datetime4">
              <a:rPr lang="en-US" smtClean="0"/>
              <a:t>June 24, 2025</a:t>
            </a:fld>
            <a:endParaRPr lang="en-US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10331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noProof="0"/>
              <a:t>.</a:t>
            </a:r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FEB43D01-22E7-6246-75B0-FA117BBEA256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63B8D508-714D-BCFA-F326-5D1DBEB1220D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370646277" name="Classification" descr="{&quot;templafy&quot;:{&quot;id&quot;:&quot;8c43379d-0844-459e-98fb-8404916350d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45904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6147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5288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014800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4341600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104000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noProof="0"/>
              <a:t>—</a:t>
            </a:r>
            <a:endParaRPr lang="en-US"/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3F8196B3-DB73-4117-BE26-486FF35EB152}" type="datetime4">
              <a:rPr lang="en-US" smtClean="0"/>
              <a:t>June 24, 2025</a:t>
            </a:fld>
            <a:endParaRPr lang="en-US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3B33A1C-88F9-7246-0708-2E0D0710FF83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9A179196-471B-BBE3-ABAB-8403E20C970D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>
              <a:solidFill>
                <a:schemeClr val="tx1"/>
              </a:solidFill>
            </a:endParaRPr>
          </a:p>
        </p:txBody>
      </p:sp>
      <p:pic>
        <p:nvPicPr>
          <p:cNvPr id="1282798995" name="Classification" descr="{&quot;templafy&quot;:{&quot;id&quot;:&quot;d9ba40e5-c11f-4a8a-b0c9-4b2eb2897fa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734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image" Target="../media/image1.pn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image" Target="../media/image2.sv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June 24, 2025</a:t>
            </a:fld>
            <a:endParaRPr lang="en-US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—</a:t>
            </a:r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64">
            <a:extLst>
              <a:ext uri="{96DAC541-7B7A-43D3-8B79-37D633B846F1}">
                <asvg:svgBlip xmlns:asvg="http://schemas.microsoft.com/office/drawing/2016/SVG/main" r:embed="rId65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</a:p>
        </p:txBody>
      </p:sp>
      <p:sp>
        <p:nvSpPr>
          <p:cNvPr id="8" name="Date dynamic" descr="{&quot;templafy&quot;:{&quot;id&quot;:&quot;90cefe14-ed60-43d8-88f0-4ad03091e025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711" r:id="rId7"/>
    <p:sldLayoutId id="2147483712" r:id="rId8"/>
    <p:sldLayoutId id="2147483713" r:id="rId9"/>
    <p:sldLayoutId id="2147483714" r:id="rId10"/>
    <p:sldLayoutId id="2147483651" r:id="rId11"/>
    <p:sldLayoutId id="2147483652" r:id="rId12"/>
    <p:sldLayoutId id="2147483654" r:id="rId13"/>
    <p:sldLayoutId id="2147483698" r:id="rId14"/>
    <p:sldLayoutId id="2147483655" r:id="rId15"/>
    <p:sldLayoutId id="2147483705" r:id="rId16"/>
    <p:sldLayoutId id="2147483656" r:id="rId17"/>
    <p:sldLayoutId id="2147483706" r:id="rId18"/>
    <p:sldLayoutId id="2147483657" r:id="rId19"/>
    <p:sldLayoutId id="2147483707" r:id="rId20"/>
    <p:sldLayoutId id="2147483658" r:id="rId21"/>
    <p:sldLayoutId id="2147483708" r:id="rId22"/>
    <p:sldLayoutId id="2147483661" r:id="rId23"/>
    <p:sldLayoutId id="2147483662" r:id="rId24"/>
    <p:sldLayoutId id="2147483659" r:id="rId25"/>
    <p:sldLayoutId id="2147483660" r:id="rId26"/>
    <p:sldLayoutId id="2147483663" r:id="rId27"/>
    <p:sldLayoutId id="2147483664" r:id="rId28"/>
    <p:sldLayoutId id="2147483665" r:id="rId29"/>
    <p:sldLayoutId id="2147483666" r:id="rId30"/>
    <p:sldLayoutId id="2147483668" r:id="rId31"/>
    <p:sldLayoutId id="2147483670" r:id="rId32"/>
    <p:sldLayoutId id="2147483671" r:id="rId33"/>
    <p:sldLayoutId id="2147483669" r:id="rId34"/>
    <p:sldLayoutId id="2147483672" r:id="rId35"/>
    <p:sldLayoutId id="2147483673" r:id="rId36"/>
    <p:sldLayoutId id="2147483694" r:id="rId37"/>
    <p:sldLayoutId id="2147483674" r:id="rId38"/>
    <p:sldLayoutId id="2147483675" r:id="rId39"/>
    <p:sldLayoutId id="2147483676" r:id="rId40"/>
    <p:sldLayoutId id="2147483677" r:id="rId41"/>
    <p:sldLayoutId id="2147483678" r:id="rId42"/>
    <p:sldLayoutId id="2147483679" r:id="rId43"/>
    <p:sldLayoutId id="2147483680" r:id="rId44"/>
    <p:sldLayoutId id="2147483695" r:id="rId45"/>
    <p:sldLayoutId id="2147483682" r:id="rId46"/>
    <p:sldLayoutId id="2147483683" r:id="rId47"/>
    <p:sldLayoutId id="2147483684" r:id="rId48"/>
    <p:sldLayoutId id="2147483685" r:id="rId49"/>
    <p:sldLayoutId id="2147483686" r:id="rId50"/>
    <p:sldLayoutId id="2147483687" r:id="rId51"/>
    <p:sldLayoutId id="2147483667" r:id="rId52"/>
    <p:sldLayoutId id="2147483688" r:id="rId53"/>
    <p:sldLayoutId id="2147483689" r:id="rId54"/>
    <p:sldLayoutId id="2147483690" r:id="rId55"/>
    <p:sldLayoutId id="2147483691" r:id="rId56"/>
    <p:sldLayoutId id="2147483692" r:id="rId57"/>
    <p:sldLayoutId id="2147483699" r:id="rId58"/>
    <p:sldLayoutId id="2147483693" r:id="rId59"/>
    <p:sldLayoutId id="2147483709" r:id="rId60"/>
    <p:sldLayoutId id="2147483710" r:id="rId61"/>
    <p:sldLayoutId id="2147483715" r:id="rId62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6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9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F735C43-164B-4B11-A679-24E66B171A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CP Training</a:t>
            </a:r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June 24, 2025</a:t>
            </a:fld>
            <a:endParaRPr lang="en-US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E2BDE2-A182-1224-03D2-E4A2F84078C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imitation of Pre-trained Model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B8574F1F-88E6-6166-DC84-0586AF5E8072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3EA9FC6-4DF3-47E8-8260-6FE5AE4F2855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8376957-AC4A-ACDD-F0CD-BBA0A5A3D9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2</a:t>
            </a:fld>
            <a:endParaRPr lang="en-US" noProof="0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B5DFEC5-0E6C-F615-7CAC-64BCC90801CD}"/>
              </a:ext>
            </a:extLst>
          </p:cNvPr>
          <p:cNvSpPr/>
          <p:nvPr/>
        </p:nvSpPr>
        <p:spPr bwMode="gray">
          <a:xfrm>
            <a:off x="4004310" y="2488215"/>
            <a:ext cx="1463040" cy="948690"/>
          </a:xfrm>
          <a:prstGeom prst="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b="1" dirty="0">
                <a:solidFill>
                  <a:schemeClr val="tx1"/>
                </a:solidFill>
              </a:rPr>
              <a:t>LLM/SLM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AB3711C3-2104-066C-84C4-3A0D4E4B88FA}"/>
              </a:ext>
            </a:extLst>
          </p:cNvPr>
          <p:cNvSpPr/>
          <p:nvPr/>
        </p:nvSpPr>
        <p:spPr bwMode="gray">
          <a:xfrm>
            <a:off x="2316480" y="2480310"/>
            <a:ext cx="1059180" cy="948690"/>
          </a:xfrm>
          <a:prstGeom prst="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b="1" dirty="0">
                <a:solidFill>
                  <a:schemeClr val="tx1"/>
                </a:solidFill>
              </a:rPr>
              <a:t>User Query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3FBC010C-E5AA-5C57-277E-88D701F3DCA1}"/>
              </a:ext>
            </a:extLst>
          </p:cNvPr>
          <p:cNvSpPr/>
          <p:nvPr/>
        </p:nvSpPr>
        <p:spPr bwMode="gray">
          <a:xfrm>
            <a:off x="6096000" y="2480310"/>
            <a:ext cx="1463040" cy="948690"/>
          </a:xfrm>
          <a:prstGeom prst="rect">
            <a:avLst/>
          </a:prstGeom>
          <a:noFill/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b="1" dirty="0">
                <a:solidFill>
                  <a:schemeClr val="tx1"/>
                </a:solidFill>
              </a:rPr>
              <a:t>Knowledge only </a:t>
            </a:r>
            <a:r>
              <a:rPr lang="en-US" sz="1600" b="1" dirty="0" err="1">
                <a:solidFill>
                  <a:schemeClr val="tx1"/>
                </a:solidFill>
              </a:rPr>
              <a:t>upto</a:t>
            </a:r>
            <a:r>
              <a:rPr lang="en-US" sz="1600" b="1" dirty="0">
                <a:solidFill>
                  <a:schemeClr val="tx1"/>
                </a:solidFill>
              </a:rPr>
              <a:t> May 2024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D64C6114-DB49-770D-7185-BAD4526695BE}"/>
              </a:ext>
            </a:extLst>
          </p:cNvPr>
          <p:cNvSpPr txBox="1"/>
          <p:nvPr/>
        </p:nvSpPr>
        <p:spPr bwMode="gray">
          <a:xfrm>
            <a:off x="3762375" y="2034102"/>
            <a:ext cx="1946910" cy="367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rgbClr val="FF0000"/>
                </a:solidFill>
              </a:rPr>
              <a:t>Pretrained up to say May 2024</a:t>
            </a: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6BF2EA95-D613-D432-0CFE-D7ED2441C146}"/>
              </a:ext>
            </a:extLst>
          </p:cNvPr>
          <p:cNvSpPr/>
          <p:nvPr/>
        </p:nvSpPr>
        <p:spPr bwMode="gray">
          <a:xfrm>
            <a:off x="733425" y="2594610"/>
            <a:ext cx="937260" cy="834390"/>
          </a:xfrm>
          <a:prstGeom prst="ellipse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b="1" dirty="0">
                <a:solidFill>
                  <a:schemeClr val="tx1"/>
                </a:solidFill>
              </a:rPr>
              <a:t>User</a:t>
            </a:r>
          </a:p>
        </p:txBody>
      </p:sp>
      <p:sp>
        <p:nvSpPr>
          <p:cNvPr id="15" name="Arrow: Right 14">
            <a:extLst>
              <a:ext uri="{FF2B5EF4-FFF2-40B4-BE49-F238E27FC236}">
                <a16:creationId xmlns:a16="http://schemas.microsoft.com/office/drawing/2014/main" id="{DA470B93-C5E1-6BD8-F7C7-7A4FFC995E94}"/>
              </a:ext>
            </a:extLst>
          </p:cNvPr>
          <p:cNvSpPr/>
          <p:nvPr/>
        </p:nvSpPr>
        <p:spPr bwMode="gray">
          <a:xfrm>
            <a:off x="1670685" y="2954655"/>
            <a:ext cx="645795" cy="158400"/>
          </a:xfrm>
          <a:prstGeom prst="rightArrow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6" name="Arrow: Right 15">
            <a:extLst>
              <a:ext uri="{FF2B5EF4-FFF2-40B4-BE49-F238E27FC236}">
                <a16:creationId xmlns:a16="http://schemas.microsoft.com/office/drawing/2014/main" id="{FCE3F4D0-B489-2D57-7AFF-4AE853626666}"/>
              </a:ext>
            </a:extLst>
          </p:cNvPr>
          <p:cNvSpPr/>
          <p:nvPr/>
        </p:nvSpPr>
        <p:spPr bwMode="gray">
          <a:xfrm>
            <a:off x="3358515" y="2929080"/>
            <a:ext cx="645795" cy="158400"/>
          </a:xfrm>
          <a:prstGeom prst="rightArrow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7" name="Arrow: Right 16">
            <a:extLst>
              <a:ext uri="{FF2B5EF4-FFF2-40B4-BE49-F238E27FC236}">
                <a16:creationId xmlns:a16="http://schemas.microsoft.com/office/drawing/2014/main" id="{6555290C-09C8-00B8-9D71-EE2717D3DA7E}"/>
              </a:ext>
            </a:extLst>
          </p:cNvPr>
          <p:cNvSpPr/>
          <p:nvPr/>
        </p:nvSpPr>
        <p:spPr bwMode="gray">
          <a:xfrm rot="10800000">
            <a:off x="5442585" y="2919150"/>
            <a:ext cx="645795" cy="158400"/>
          </a:xfrm>
          <a:prstGeom prst="rightArrow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D15A8FD1-D913-D414-DFE6-212D0F470C27}"/>
              </a:ext>
            </a:extLst>
          </p:cNvPr>
          <p:cNvSpPr/>
          <p:nvPr/>
        </p:nvSpPr>
        <p:spPr bwMode="gray">
          <a:xfrm>
            <a:off x="1971674" y="3694353"/>
            <a:ext cx="1774071" cy="948690"/>
          </a:xfrm>
          <a:prstGeom prst="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600" b="1" dirty="0">
                <a:solidFill>
                  <a:schemeClr val="tx1"/>
                </a:solidFill>
              </a:rPr>
              <a:t>Answer with knowledge up to 2024</a:t>
            </a:r>
          </a:p>
        </p:txBody>
      </p:sp>
      <p:sp>
        <p:nvSpPr>
          <p:cNvPr id="19" name="Arrow: Right 18">
            <a:extLst>
              <a:ext uri="{FF2B5EF4-FFF2-40B4-BE49-F238E27FC236}">
                <a16:creationId xmlns:a16="http://schemas.microsoft.com/office/drawing/2014/main" id="{DB057928-5D47-24B8-13E3-B57119E2907A}"/>
              </a:ext>
            </a:extLst>
          </p:cNvPr>
          <p:cNvSpPr/>
          <p:nvPr/>
        </p:nvSpPr>
        <p:spPr bwMode="gray">
          <a:xfrm rot="8176530">
            <a:off x="3620696" y="3723330"/>
            <a:ext cx="931057" cy="197885"/>
          </a:xfrm>
          <a:prstGeom prst="rightArrow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0" name="Arrow: Right 19">
            <a:extLst>
              <a:ext uri="{FF2B5EF4-FFF2-40B4-BE49-F238E27FC236}">
                <a16:creationId xmlns:a16="http://schemas.microsoft.com/office/drawing/2014/main" id="{EC03C880-CE1B-06D0-D20C-6D57807A7786}"/>
              </a:ext>
            </a:extLst>
          </p:cNvPr>
          <p:cNvSpPr/>
          <p:nvPr/>
        </p:nvSpPr>
        <p:spPr bwMode="gray">
          <a:xfrm rot="13609719">
            <a:off x="1137386" y="3699544"/>
            <a:ext cx="931057" cy="197885"/>
          </a:xfrm>
          <a:prstGeom prst="rightArrow">
            <a:avLst/>
          </a:prstGeom>
          <a:solidFill>
            <a:schemeClr val="tx1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1CE3841F-E64B-47E7-6309-C1FB1126CD10}"/>
              </a:ext>
            </a:extLst>
          </p:cNvPr>
          <p:cNvSpPr txBox="1"/>
          <p:nvPr/>
        </p:nvSpPr>
        <p:spPr bwMode="gray">
          <a:xfrm>
            <a:off x="8355664" y="2387527"/>
            <a:ext cx="3242310" cy="282980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rgbClr val="0070C0"/>
                </a:solidFill>
              </a:rPr>
              <a:t>Answers are limited to its pretrained ability</a:t>
            </a:r>
          </a:p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rgbClr val="0070C0"/>
                </a:solidFill>
              </a:rPr>
              <a:t>Not open to live or real time information</a:t>
            </a:r>
          </a:p>
          <a:p>
            <a:pPr marL="285750" indent="-285750" algn="l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rgbClr val="0070C0"/>
                </a:solidFill>
              </a:rPr>
              <a:t>For real time info, we need to connect to a tool/agent that can fetch needed information in real time</a:t>
            </a:r>
          </a:p>
          <a:p>
            <a:pPr algn="l">
              <a:spcBef>
                <a:spcPts val="1200"/>
              </a:spcBef>
            </a:pPr>
            <a:endParaRPr lang="en-US" dirty="0">
              <a:solidFill>
                <a:srgbClr val="0070C0"/>
              </a:solidFill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B9287C6-2283-4F2C-1052-23E0BCE12272}"/>
              </a:ext>
            </a:extLst>
          </p:cNvPr>
          <p:cNvSpPr txBox="1"/>
          <p:nvPr/>
        </p:nvSpPr>
        <p:spPr bwMode="gray">
          <a:xfrm>
            <a:off x="9253975" y="1915233"/>
            <a:ext cx="1646588" cy="55651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1200"/>
              </a:spcBef>
            </a:pPr>
            <a:r>
              <a:rPr lang="en-US" b="1" dirty="0"/>
              <a:t>Observations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204E1AF6-3C77-863A-0FE1-645B9B2CBF2D}"/>
              </a:ext>
            </a:extLst>
          </p:cNvPr>
          <p:cNvSpPr/>
          <p:nvPr/>
        </p:nvSpPr>
        <p:spPr bwMode="gray">
          <a:xfrm>
            <a:off x="8172784" y="1579968"/>
            <a:ext cx="3651885" cy="3637368"/>
          </a:xfrm>
          <a:prstGeom prst="rect">
            <a:avLst/>
          </a:prstGeom>
          <a:noFill/>
          <a:ln w="12700">
            <a:solidFill>
              <a:schemeClr val="tx1">
                <a:lumMod val="65000"/>
                <a:lumOff val="3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983741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1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4" dur="5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8" grpId="0" animBg="1"/>
      <p:bldP spid="19" grpId="0" animBg="1"/>
      <p:bldP spid="20" grpId="0" animBg="1"/>
      <p:bldP spid="21" grpId="0"/>
      <p:bldP spid="22" grpId="0"/>
      <p:bldP spid="23" grpId="0" animBg="1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9F6D96-BBB7-DB01-5093-0349728D7B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could be the possible approach ?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99ABED0-2ED9-E705-7CA5-3367936B89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3EA9FC6-4DF3-47E8-8260-6FE5AE4F2855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B418588-8F02-C1E5-FB40-711BD236E39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3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C6FECAAD-D01B-F4DB-C215-E4A455FC7AB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16787" y="2049746"/>
            <a:ext cx="4858950" cy="2065054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003766B6-E454-D010-FECB-A1AA3BBDEB0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67993" y="2049746"/>
            <a:ext cx="5407220" cy="2019334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6E8BA63A-C3A7-4424-81BE-B1E839B9CF60}"/>
              </a:ext>
            </a:extLst>
          </p:cNvPr>
          <p:cNvSpPr txBox="1"/>
          <p:nvPr/>
        </p:nvSpPr>
        <p:spPr bwMode="gray">
          <a:xfrm>
            <a:off x="1960344" y="1714500"/>
            <a:ext cx="2834640" cy="33524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1600" b="1" dirty="0"/>
              <a:t>Single user Interac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0940DEFB-B955-EDD0-E6BD-DE7ECF222517}"/>
              </a:ext>
            </a:extLst>
          </p:cNvPr>
          <p:cNvSpPr txBox="1"/>
          <p:nvPr/>
        </p:nvSpPr>
        <p:spPr bwMode="gray">
          <a:xfrm>
            <a:off x="7530564" y="1714500"/>
            <a:ext cx="3522246" cy="33524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1600" b="1" dirty="0">
                <a:solidFill>
                  <a:srgbClr val="0070C0"/>
                </a:solidFill>
              </a:rPr>
              <a:t>Multiple user/Model Interaction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0FA83E8-D9D0-6865-5E06-EECD59C34724}"/>
              </a:ext>
            </a:extLst>
          </p:cNvPr>
          <p:cNvSpPr txBox="1"/>
          <p:nvPr/>
        </p:nvSpPr>
        <p:spPr bwMode="gray">
          <a:xfrm>
            <a:off x="8275320" y="4220726"/>
            <a:ext cx="2240280" cy="3672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b="1" dirty="0">
                <a:solidFill>
                  <a:schemeClr val="bg2"/>
                </a:solidFill>
              </a:rPr>
              <a:t>MXN Problem</a:t>
            </a:r>
          </a:p>
        </p:txBody>
      </p:sp>
    </p:spTree>
    <p:extLst>
      <p:ext uri="{BB962C8B-B14F-4D97-AF65-F5344CB8AC3E}">
        <p14:creationId xmlns:p14="http://schemas.microsoft.com/office/powerpoint/2010/main" val="26142560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/>
      <p:bldP spid="16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71DC11-7B0D-0565-896B-B0E31B7C54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CP (Model Context Protocol)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F577105-B18B-304E-9FF3-21FBC7981B8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64F835BF-356F-552C-7FD7-8C823F7E4F8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3EA9FC6-4DF3-47E8-8260-6FE5AE4F2855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7C95A-ADC1-E1E4-BDBC-3B07400F9A0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4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6AA7234-0ED2-EA91-3A51-5BC608B35EC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53421" y="1427440"/>
            <a:ext cx="7779177" cy="2550199"/>
          </a:xfrm>
          <a:prstGeom prst="rect">
            <a:avLst/>
          </a:prstGeom>
        </p:spPr>
      </p:pic>
      <p:sp>
        <p:nvSpPr>
          <p:cNvPr id="12" name="Rectangle 11">
            <a:extLst>
              <a:ext uri="{FF2B5EF4-FFF2-40B4-BE49-F238E27FC236}">
                <a16:creationId xmlns:a16="http://schemas.microsoft.com/office/drawing/2014/main" id="{7E5687D7-32EA-FDE4-CF12-239EFDA1D508}"/>
              </a:ext>
            </a:extLst>
          </p:cNvPr>
          <p:cNvSpPr/>
          <p:nvPr/>
        </p:nvSpPr>
        <p:spPr bwMode="gray">
          <a:xfrm>
            <a:off x="1931670" y="3423961"/>
            <a:ext cx="2011680" cy="525780"/>
          </a:xfrm>
          <a:prstGeom prst="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M1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BC197F72-3070-EFB9-D552-51E018DC7BA5}"/>
              </a:ext>
            </a:extLst>
          </p:cNvPr>
          <p:cNvSpPr/>
          <p:nvPr/>
        </p:nvSpPr>
        <p:spPr bwMode="gray">
          <a:xfrm>
            <a:off x="1931670" y="4320991"/>
            <a:ext cx="2011680" cy="525780"/>
          </a:xfrm>
          <a:prstGeom prst="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dirty="0">
                <a:solidFill>
                  <a:schemeClr val="tx1"/>
                </a:solidFill>
              </a:rPr>
              <a:t>M3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4D69AB7-F0BF-4FC6-6353-26C8EF1FAD05}"/>
              </a:ext>
            </a:extLst>
          </p:cNvPr>
          <p:cNvSpPr txBox="1"/>
          <p:nvPr/>
        </p:nvSpPr>
        <p:spPr bwMode="gray">
          <a:xfrm>
            <a:off x="4869180" y="4983480"/>
            <a:ext cx="2628900" cy="914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1400" dirty="0"/>
              <a:t>3 + 3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6D4E1A70-AC87-2163-9B33-E60A46A8DD0C}"/>
              </a:ext>
            </a:extLst>
          </p:cNvPr>
          <p:cNvSpPr txBox="1"/>
          <p:nvPr/>
        </p:nvSpPr>
        <p:spPr bwMode="gray">
          <a:xfrm>
            <a:off x="8553450" y="4640069"/>
            <a:ext cx="2628900" cy="3672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en-US" sz="1400" dirty="0"/>
              <a:t>3 x 3 = 9</a:t>
            </a:r>
          </a:p>
        </p:txBody>
      </p:sp>
    </p:spTree>
    <p:extLst>
      <p:ext uri="{BB962C8B-B14F-4D97-AF65-F5344CB8AC3E}">
        <p14:creationId xmlns:p14="http://schemas.microsoft.com/office/powerpoint/2010/main" val="18687202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88ABDF-33AF-1714-656E-E5B85A9B021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3EA9FC6-4DF3-47E8-8260-6FE5AE4F2855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B60F8DA-9D08-F849-EB4A-E80768A64E0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6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8954362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7475917-25B7-D712-2FFD-E8FF4ABFC93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62CF175A-B7E2-30B6-CBDC-DDFE243DF95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3EA9FC6-4DF3-47E8-8260-6FE5AE4F2855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E337B75-7983-3B29-C5EF-F8CA7E2CC72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7</a:t>
            </a:fld>
            <a:endParaRPr lang="en-US" noProof="0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389AF301-6964-A673-FC9E-A07154FEC7C2}"/>
              </a:ext>
            </a:extLst>
          </p:cNvPr>
          <p:cNvSpPr/>
          <p:nvPr/>
        </p:nvSpPr>
        <p:spPr bwMode="gray">
          <a:xfrm>
            <a:off x="1536163" y="1891588"/>
            <a:ext cx="1644863" cy="176584"/>
          </a:xfrm>
          <a:prstGeom prst="rect">
            <a:avLst/>
          </a:prstGeom>
          <a:solidFill>
            <a:schemeClr val="accent4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r>
              <a:rPr lang="en-US" sz="1400" b="1">
                <a:solidFill>
                  <a:schemeClr val="tx1"/>
                </a:solidFill>
              </a:rPr>
              <a:t>Inputs</a:t>
            </a:r>
          </a:p>
        </p:txBody>
      </p:sp>
      <p:sp>
        <p:nvSpPr>
          <p:cNvPr id="32" name="Titel 32">
            <a:extLst>
              <a:ext uri="{FF2B5EF4-FFF2-40B4-BE49-F238E27FC236}">
                <a16:creationId xmlns:a16="http://schemas.microsoft.com/office/drawing/2014/main" id="{7EE66944-B6E2-88C1-0DEA-4AF7B535AF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2367" y="682313"/>
            <a:ext cx="7865335" cy="360456"/>
          </a:xfrm>
        </p:spPr>
        <p:txBody>
          <a:bodyPr/>
          <a:lstStyle/>
          <a:p>
            <a:r>
              <a:rPr lang="en-US"/>
              <a:t>Process Outline – Tech stack</a:t>
            </a:r>
          </a:p>
        </p:txBody>
      </p:sp>
      <p:cxnSp>
        <p:nvCxnSpPr>
          <p:cNvPr id="111" name="Straight Arrow Connector 110">
            <a:extLst>
              <a:ext uri="{FF2B5EF4-FFF2-40B4-BE49-F238E27FC236}">
                <a16:creationId xmlns:a16="http://schemas.microsoft.com/office/drawing/2014/main" id="{79870233-B762-8B16-4192-1A50568B0DE9}"/>
              </a:ext>
            </a:extLst>
          </p:cNvPr>
          <p:cNvCxnSpPr>
            <a:cxnSpLocks/>
            <a:stCxn id="14" idx="2"/>
            <a:endCxn id="11" idx="0"/>
          </p:cNvCxnSpPr>
          <p:nvPr/>
        </p:nvCxnSpPr>
        <p:spPr bwMode="gray">
          <a:xfrm>
            <a:off x="5819711" y="2710352"/>
            <a:ext cx="543437" cy="320098"/>
          </a:xfrm>
          <a:prstGeom prst="straightConnector1">
            <a:avLst/>
          </a:prstGeom>
          <a:ln w="254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2" name="TextBox 111">
            <a:extLst>
              <a:ext uri="{FF2B5EF4-FFF2-40B4-BE49-F238E27FC236}">
                <a16:creationId xmlns:a16="http://schemas.microsoft.com/office/drawing/2014/main" id="{030D1C81-18B7-48A1-1CDC-0475296D4F8A}"/>
              </a:ext>
            </a:extLst>
          </p:cNvPr>
          <p:cNvSpPr txBox="1"/>
          <p:nvPr/>
        </p:nvSpPr>
        <p:spPr bwMode="gray">
          <a:xfrm>
            <a:off x="3961506" y="3030450"/>
            <a:ext cx="1376422" cy="1072003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 b="1">
                <a:solidFill>
                  <a:srgbClr val="FFFF00"/>
                </a:solidFill>
              </a:rPr>
              <a:t>Step 2:</a:t>
            </a:r>
          </a:p>
          <a:p>
            <a:pPr algn="ctr">
              <a:spcBef>
                <a:spcPts val="600"/>
              </a:spcBef>
            </a:pPr>
            <a:r>
              <a:rPr lang="en-US" sz="1200">
                <a:solidFill>
                  <a:schemeClr val="bg1"/>
                </a:solidFill>
              </a:rPr>
              <a:t>Extract list of equipment &amp; their connectivity 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73254D6-ABEF-63BE-1445-08B76D6C981C}"/>
              </a:ext>
            </a:extLst>
          </p:cNvPr>
          <p:cNvSpPr txBox="1"/>
          <p:nvPr/>
        </p:nvSpPr>
        <p:spPr bwMode="gray">
          <a:xfrm>
            <a:off x="1619122" y="2245596"/>
            <a:ext cx="619097" cy="249975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100">
                <a:solidFill>
                  <a:schemeClr val="tx1"/>
                </a:solidFill>
              </a:rPr>
              <a:t>RFQ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19B2723-1E31-3538-EC55-B4F2990DBAC5}"/>
              </a:ext>
            </a:extLst>
          </p:cNvPr>
          <p:cNvSpPr txBox="1"/>
          <p:nvPr/>
        </p:nvSpPr>
        <p:spPr bwMode="gray">
          <a:xfrm>
            <a:off x="2366780" y="2198234"/>
            <a:ext cx="814246" cy="355076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100">
                <a:solidFill>
                  <a:schemeClr val="tx1"/>
                </a:solidFill>
              </a:rPr>
              <a:t>BOM from CPR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97F57B3E-95F5-54C7-F9A6-2150D3B8C399}"/>
              </a:ext>
            </a:extLst>
          </p:cNvPr>
          <p:cNvSpPr txBox="1"/>
          <p:nvPr/>
        </p:nvSpPr>
        <p:spPr bwMode="gray">
          <a:xfrm>
            <a:off x="458347" y="3144021"/>
            <a:ext cx="957456" cy="752444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 b="1">
                <a:solidFill>
                  <a:srgbClr val="FFFF00"/>
                </a:solidFill>
              </a:rPr>
              <a:t>Proposed Algorithm</a:t>
            </a:r>
            <a:endParaRPr lang="en-US" sz="1200">
              <a:solidFill>
                <a:schemeClr val="bg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D9FFA83-83CE-C671-2532-B45ACBADE4A5}"/>
              </a:ext>
            </a:extLst>
          </p:cNvPr>
          <p:cNvSpPr txBox="1"/>
          <p:nvPr/>
        </p:nvSpPr>
        <p:spPr bwMode="gray">
          <a:xfrm>
            <a:off x="1778725" y="3000813"/>
            <a:ext cx="1299411" cy="1083822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 b="1">
                <a:solidFill>
                  <a:srgbClr val="FFFF00"/>
                </a:solidFill>
              </a:rPr>
              <a:t>Step 1:</a:t>
            </a:r>
          </a:p>
          <a:p>
            <a:pPr algn="ctr">
              <a:spcBef>
                <a:spcPts val="600"/>
              </a:spcBef>
            </a:pPr>
            <a:r>
              <a:rPr lang="en-US" sz="1200">
                <a:solidFill>
                  <a:schemeClr val="bg1"/>
                </a:solidFill>
              </a:rPr>
              <a:t>Take RFQ and BOM as input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80C75C8-BDD9-E43C-A868-A7C8BF8E5C13}"/>
              </a:ext>
            </a:extLst>
          </p:cNvPr>
          <p:cNvSpPr txBox="1"/>
          <p:nvPr/>
        </p:nvSpPr>
        <p:spPr bwMode="gray">
          <a:xfrm>
            <a:off x="5749674" y="3030450"/>
            <a:ext cx="1226947" cy="1072003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 b="1">
                <a:solidFill>
                  <a:srgbClr val="FFFF00"/>
                </a:solidFill>
              </a:rPr>
              <a:t>Step 3:</a:t>
            </a:r>
          </a:p>
          <a:p>
            <a:pPr algn="ctr">
              <a:spcBef>
                <a:spcPts val="600"/>
              </a:spcBef>
            </a:pPr>
            <a:r>
              <a:rPr lang="en-US" sz="1200">
                <a:solidFill>
                  <a:schemeClr val="bg1"/>
                </a:solidFill>
              </a:rPr>
              <a:t>Refer standard Topology/ Architectur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9E25833-EB56-4666-0A0A-CA849319544D}"/>
              </a:ext>
            </a:extLst>
          </p:cNvPr>
          <p:cNvSpPr txBox="1"/>
          <p:nvPr/>
        </p:nvSpPr>
        <p:spPr bwMode="gray">
          <a:xfrm>
            <a:off x="5276273" y="2260048"/>
            <a:ext cx="1086875" cy="450304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100">
                <a:solidFill>
                  <a:schemeClr val="tx1"/>
                </a:solidFill>
              </a:rPr>
              <a:t>Standard Syst Architecture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A4D145B-8302-0E3F-B1CD-5BE9EFCC0DD1}"/>
              </a:ext>
            </a:extLst>
          </p:cNvPr>
          <p:cNvSpPr txBox="1"/>
          <p:nvPr/>
        </p:nvSpPr>
        <p:spPr bwMode="gray">
          <a:xfrm>
            <a:off x="7868943" y="3030450"/>
            <a:ext cx="1174417" cy="1072003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 b="1">
                <a:solidFill>
                  <a:srgbClr val="FFFF00"/>
                </a:solidFill>
              </a:rPr>
              <a:t>Step 4:</a:t>
            </a:r>
          </a:p>
          <a:p>
            <a:pPr algn="ctr">
              <a:spcBef>
                <a:spcPts val="600"/>
              </a:spcBef>
            </a:pPr>
            <a:r>
              <a:rPr lang="en-US" sz="1200">
                <a:solidFill>
                  <a:schemeClr val="bg1"/>
                </a:solidFill>
              </a:rPr>
              <a:t>Generate altered architecture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44634903-D8B7-F2B7-8939-DF2BB3EDA7C1}"/>
              </a:ext>
            </a:extLst>
          </p:cNvPr>
          <p:cNvSpPr txBox="1"/>
          <p:nvPr/>
        </p:nvSpPr>
        <p:spPr bwMode="gray">
          <a:xfrm>
            <a:off x="9955270" y="3042167"/>
            <a:ext cx="1690808" cy="1072003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 b="1">
                <a:solidFill>
                  <a:srgbClr val="FFFF00"/>
                </a:solidFill>
              </a:rPr>
              <a:t>Step 5:</a:t>
            </a:r>
          </a:p>
          <a:p>
            <a:pPr algn="ctr">
              <a:spcBef>
                <a:spcPts val="600"/>
              </a:spcBef>
            </a:pPr>
            <a:r>
              <a:rPr lang="en-US" sz="1200">
                <a:solidFill>
                  <a:schemeClr val="bg1"/>
                </a:solidFill>
              </a:rPr>
              <a:t>Provide in downloadable/editable format (</a:t>
            </a:r>
            <a:r>
              <a:rPr lang="en-US" sz="1200" err="1">
                <a:solidFill>
                  <a:schemeClr val="bg1"/>
                </a:solidFill>
              </a:rPr>
              <a:t>svg</a:t>
            </a:r>
            <a:r>
              <a:rPr lang="en-US" sz="1200">
                <a:solidFill>
                  <a:schemeClr val="bg1"/>
                </a:solidFill>
              </a:rPr>
              <a:t>, </a:t>
            </a:r>
            <a:r>
              <a:rPr lang="en-US" sz="1200" err="1">
                <a:solidFill>
                  <a:schemeClr val="bg1"/>
                </a:solidFill>
              </a:rPr>
              <a:t>vsdx</a:t>
            </a:r>
            <a:r>
              <a:rPr lang="en-US" sz="1200">
                <a:solidFill>
                  <a:schemeClr val="bg1"/>
                </a:solidFill>
              </a:rPr>
              <a:t>)</a:t>
            </a:r>
          </a:p>
        </p:txBody>
      </p:sp>
      <p:sp>
        <p:nvSpPr>
          <p:cNvPr id="20" name="Arrow: Right 19">
            <a:extLst>
              <a:ext uri="{FF2B5EF4-FFF2-40B4-BE49-F238E27FC236}">
                <a16:creationId xmlns:a16="http://schemas.microsoft.com/office/drawing/2014/main" id="{5A340311-3D2F-F94F-F2C3-CE4934AE25AC}"/>
              </a:ext>
            </a:extLst>
          </p:cNvPr>
          <p:cNvSpPr/>
          <p:nvPr/>
        </p:nvSpPr>
        <p:spPr bwMode="gray">
          <a:xfrm>
            <a:off x="1411951" y="3405158"/>
            <a:ext cx="353723" cy="230170"/>
          </a:xfrm>
          <a:prstGeom prst="rightArrow">
            <a:avLst/>
          </a:prstGeom>
          <a:solidFill>
            <a:schemeClr val="accent4">
              <a:lumMod val="90000"/>
            </a:schemeClr>
          </a:solidFill>
          <a:ln w="12700">
            <a:solidFill>
              <a:schemeClr val="accent4">
                <a:lumMod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1" name="Arrow: Right 20">
            <a:extLst>
              <a:ext uri="{FF2B5EF4-FFF2-40B4-BE49-F238E27FC236}">
                <a16:creationId xmlns:a16="http://schemas.microsoft.com/office/drawing/2014/main" id="{09B4E81E-2D97-D481-DFA7-3C04537F68DA}"/>
              </a:ext>
            </a:extLst>
          </p:cNvPr>
          <p:cNvSpPr/>
          <p:nvPr/>
        </p:nvSpPr>
        <p:spPr bwMode="gray">
          <a:xfrm>
            <a:off x="3093470" y="3428643"/>
            <a:ext cx="868035" cy="214417"/>
          </a:xfrm>
          <a:prstGeom prst="rightArrow">
            <a:avLst/>
          </a:prstGeom>
          <a:solidFill>
            <a:schemeClr val="accent4">
              <a:lumMod val="90000"/>
            </a:schemeClr>
          </a:solidFill>
          <a:ln w="12700">
            <a:solidFill>
              <a:schemeClr val="accent4">
                <a:lumMod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3" name="Arrow: Right 22">
            <a:extLst>
              <a:ext uri="{FF2B5EF4-FFF2-40B4-BE49-F238E27FC236}">
                <a16:creationId xmlns:a16="http://schemas.microsoft.com/office/drawing/2014/main" id="{E341780F-1882-94D7-8F9E-4D6C9CC5BE81}"/>
              </a:ext>
            </a:extLst>
          </p:cNvPr>
          <p:cNvSpPr/>
          <p:nvPr/>
        </p:nvSpPr>
        <p:spPr bwMode="gray">
          <a:xfrm>
            <a:off x="5329796" y="3405160"/>
            <a:ext cx="428553" cy="237900"/>
          </a:xfrm>
          <a:prstGeom prst="rightArrow">
            <a:avLst/>
          </a:prstGeom>
          <a:solidFill>
            <a:schemeClr val="accent4">
              <a:lumMod val="90000"/>
            </a:schemeClr>
          </a:solidFill>
          <a:ln w="12700">
            <a:solidFill>
              <a:schemeClr val="accent4">
                <a:lumMod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5" name="Arrow: Right 24">
            <a:extLst>
              <a:ext uri="{FF2B5EF4-FFF2-40B4-BE49-F238E27FC236}">
                <a16:creationId xmlns:a16="http://schemas.microsoft.com/office/drawing/2014/main" id="{B2592620-D220-8B0B-48C9-EB146F35B80C}"/>
              </a:ext>
            </a:extLst>
          </p:cNvPr>
          <p:cNvSpPr/>
          <p:nvPr/>
        </p:nvSpPr>
        <p:spPr bwMode="gray">
          <a:xfrm>
            <a:off x="6973380" y="3405157"/>
            <a:ext cx="887886" cy="230171"/>
          </a:xfrm>
          <a:prstGeom prst="rightArrow">
            <a:avLst/>
          </a:prstGeom>
          <a:solidFill>
            <a:schemeClr val="accent4">
              <a:lumMod val="90000"/>
            </a:schemeClr>
          </a:solidFill>
          <a:ln w="12700">
            <a:solidFill>
              <a:schemeClr val="accent4">
                <a:lumMod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26" name="Arrow: Right 25">
            <a:extLst>
              <a:ext uri="{FF2B5EF4-FFF2-40B4-BE49-F238E27FC236}">
                <a16:creationId xmlns:a16="http://schemas.microsoft.com/office/drawing/2014/main" id="{D79ED7CB-D217-63FA-2511-440DAA277233}"/>
              </a:ext>
            </a:extLst>
          </p:cNvPr>
          <p:cNvSpPr/>
          <p:nvPr/>
        </p:nvSpPr>
        <p:spPr bwMode="gray">
          <a:xfrm>
            <a:off x="9051037" y="3405159"/>
            <a:ext cx="904233" cy="230169"/>
          </a:xfrm>
          <a:prstGeom prst="rightArrow">
            <a:avLst/>
          </a:prstGeom>
          <a:solidFill>
            <a:schemeClr val="accent4">
              <a:lumMod val="90000"/>
            </a:schemeClr>
          </a:solidFill>
          <a:ln w="12700">
            <a:solidFill>
              <a:schemeClr val="accent4">
                <a:lumMod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0BBB7EF2-3126-24CC-6C8A-45C021F52D66}"/>
              </a:ext>
            </a:extLst>
          </p:cNvPr>
          <p:cNvCxnSpPr>
            <a:cxnSpLocks/>
            <a:stCxn id="4" idx="2"/>
            <a:endCxn id="7" idx="0"/>
          </p:cNvCxnSpPr>
          <p:nvPr/>
        </p:nvCxnSpPr>
        <p:spPr bwMode="gray">
          <a:xfrm>
            <a:off x="1928671" y="2495571"/>
            <a:ext cx="499760" cy="505242"/>
          </a:xfrm>
          <a:prstGeom prst="straightConnector1">
            <a:avLst/>
          </a:prstGeom>
          <a:ln w="254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2D86B97F-09BE-B7CB-C6B0-01F63D05210A}"/>
              </a:ext>
            </a:extLst>
          </p:cNvPr>
          <p:cNvCxnSpPr>
            <a:cxnSpLocks/>
            <a:stCxn id="5" idx="2"/>
            <a:endCxn id="7" idx="0"/>
          </p:cNvCxnSpPr>
          <p:nvPr/>
        </p:nvCxnSpPr>
        <p:spPr bwMode="gray">
          <a:xfrm flipH="1">
            <a:off x="2428431" y="2553310"/>
            <a:ext cx="345472" cy="447503"/>
          </a:xfrm>
          <a:prstGeom prst="straightConnector1">
            <a:avLst/>
          </a:prstGeom>
          <a:ln w="254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B6821584-28FD-392A-4730-9E0A922E1347}"/>
              </a:ext>
            </a:extLst>
          </p:cNvPr>
          <p:cNvSpPr txBox="1"/>
          <p:nvPr/>
        </p:nvSpPr>
        <p:spPr bwMode="gray">
          <a:xfrm>
            <a:off x="3209620" y="3266482"/>
            <a:ext cx="560607" cy="507520"/>
          </a:xfrm>
          <a:prstGeom prst="rect">
            <a:avLst/>
          </a:prstGeom>
          <a:solidFill>
            <a:srgbClr val="00B0F0"/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 b="1"/>
              <a:t>Use LLM</a:t>
            </a:r>
            <a:endParaRPr lang="en-US" sz="120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23D21E8-D8D0-4919-A991-030175C7A547}"/>
              </a:ext>
            </a:extLst>
          </p:cNvPr>
          <p:cNvSpPr txBox="1"/>
          <p:nvPr/>
        </p:nvSpPr>
        <p:spPr bwMode="gray">
          <a:xfrm>
            <a:off x="3919905" y="4070923"/>
            <a:ext cx="1459624" cy="522453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>
                <a:solidFill>
                  <a:srgbClr val="0070C0"/>
                </a:solidFill>
              </a:rPr>
              <a:t>Creates Nodes and edges list for Graph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731B9BB-F97E-00DD-31F6-082CA9C78918}"/>
              </a:ext>
            </a:extLst>
          </p:cNvPr>
          <p:cNvSpPr txBox="1"/>
          <p:nvPr/>
        </p:nvSpPr>
        <p:spPr bwMode="gray">
          <a:xfrm>
            <a:off x="7091697" y="3266482"/>
            <a:ext cx="542432" cy="507520"/>
          </a:xfrm>
          <a:prstGeom prst="rect">
            <a:avLst/>
          </a:prstGeom>
          <a:solidFill>
            <a:srgbClr val="00B0F0"/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 b="1"/>
              <a:t>Z3 SMT solver</a:t>
            </a:r>
            <a:endParaRPr lang="en-US" sz="120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2C7B5B00-4BF4-E09A-ED92-FF0B1618CECD}"/>
              </a:ext>
            </a:extLst>
          </p:cNvPr>
          <p:cNvSpPr txBox="1"/>
          <p:nvPr/>
        </p:nvSpPr>
        <p:spPr bwMode="gray">
          <a:xfrm>
            <a:off x="9194975" y="3242891"/>
            <a:ext cx="505915" cy="507520"/>
          </a:xfrm>
          <a:prstGeom prst="rect">
            <a:avLst/>
          </a:prstGeom>
          <a:solidFill>
            <a:srgbClr val="00B0F0"/>
          </a:solidFill>
          <a:ln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 b="1" err="1"/>
              <a:t>Graphviz</a:t>
            </a:r>
            <a:endParaRPr lang="en-US" sz="1200"/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187C7E28-D1BE-5D3A-A0C6-3E35B98432A9}"/>
              </a:ext>
            </a:extLst>
          </p:cNvPr>
          <p:cNvSpPr txBox="1"/>
          <p:nvPr/>
        </p:nvSpPr>
        <p:spPr bwMode="gray">
          <a:xfrm>
            <a:off x="6533247" y="4010035"/>
            <a:ext cx="1723947" cy="1002997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>
                <a:solidFill>
                  <a:srgbClr val="0070C0"/>
                </a:solidFill>
              </a:rPr>
              <a:t>Apply Constraints, remove the nodes and edges that are not part of the extracted list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4BA8B79E-CEA3-5273-3D25-68128DCCE792}"/>
              </a:ext>
            </a:extLst>
          </p:cNvPr>
          <p:cNvSpPr txBox="1"/>
          <p:nvPr/>
        </p:nvSpPr>
        <p:spPr bwMode="gray">
          <a:xfrm>
            <a:off x="1630141" y="4140253"/>
            <a:ext cx="1723947" cy="522453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spcBef>
                <a:spcPts val="600"/>
              </a:spcBef>
            </a:pPr>
            <a:r>
              <a:rPr lang="en-US" sz="1200">
                <a:solidFill>
                  <a:srgbClr val="0070C0"/>
                </a:solidFill>
              </a:rPr>
              <a:t>Input can be in the form of a list of Components with their metadata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0883C147-1C45-FE0F-4D61-58668F389A76}"/>
              </a:ext>
            </a:extLst>
          </p:cNvPr>
          <p:cNvSpPr txBox="1"/>
          <p:nvPr/>
        </p:nvSpPr>
        <p:spPr bwMode="gray">
          <a:xfrm>
            <a:off x="563154" y="5258520"/>
            <a:ext cx="3588847" cy="9505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1100" b="1"/>
              <a:t>Example: </a:t>
            </a:r>
            <a:r>
              <a:rPr lang="en-US" sz="1100"/>
              <a:t>"The web server connects to the database through an API" can be converted to ⟶ </a:t>
            </a:r>
            <a:r>
              <a:rPr lang="en-US" sz="1100" err="1"/>
              <a:t>WebServer</a:t>
            </a:r>
            <a:r>
              <a:rPr lang="en-US" sz="1100"/>
              <a:t> ⟶ API ⟶ Database</a:t>
            </a:r>
          </a:p>
          <a:p>
            <a:pPr algn="l"/>
            <a:r>
              <a:rPr lang="en-US" sz="1100"/>
              <a:t>where ⟶ is the connectivity (edge) while webserver, API, Database are the equipment (nodes)</a:t>
            </a:r>
          </a:p>
          <a:p>
            <a:pPr algn="l">
              <a:spcBef>
                <a:spcPts val="600"/>
              </a:spcBef>
            </a:pPr>
            <a:endParaRPr lang="en-US" sz="110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8DA490C3-6CBF-B7A3-E124-3E822CB9D2C6}"/>
              </a:ext>
            </a:extLst>
          </p:cNvPr>
          <p:cNvSpPr/>
          <p:nvPr/>
        </p:nvSpPr>
        <p:spPr bwMode="gray">
          <a:xfrm>
            <a:off x="458347" y="5196091"/>
            <a:ext cx="3749268" cy="950544"/>
          </a:xfrm>
          <a:prstGeom prst="rect">
            <a:avLst/>
          </a:prstGeom>
          <a:noFill/>
          <a:ln w="12700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0C1C5EA0-6B70-1B55-415C-A15CDD8BD0C2}"/>
              </a:ext>
            </a:extLst>
          </p:cNvPr>
          <p:cNvSpPr txBox="1"/>
          <p:nvPr/>
        </p:nvSpPr>
        <p:spPr bwMode="gray">
          <a:xfrm>
            <a:off x="6701712" y="1283975"/>
            <a:ext cx="3695154" cy="76149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1100" b="1"/>
              <a:t>Equipment #1 </a:t>
            </a:r>
            <a:r>
              <a:rPr lang="en-US" sz="1100"/>
              <a:t>(equip name, mapped icon image, equipment's dimensions, A list of other equipment to be connected to this equipment)</a:t>
            </a:r>
          </a:p>
          <a:p>
            <a:pPr algn="l"/>
            <a:r>
              <a:rPr lang="en-US" sz="1100" b="1"/>
              <a:t>Equipment #2 </a:t>
            </a:r>
            <a:r>
              <a:rPr lang="en-US" sz="1100"/>
              <a:t>……. </a:t>
            </a:r>
            <a:r>
              <a:rPr lang="en-US" sz="1100" b="1"/>
              <a:t>Equipment #N</a:t>
            </a: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FC1314C1-8A82-430F-3140-96B256150269}"/>
              </a:ext>
            </a:extLst>
          </p:cNvPr>
          <p:cNvSpPr/>
          <p:nvPr/>
        </p:nvSpPr>
        <p:spPr bwMode="gray">
          <a:xfrm>
            <a:off x="6596904" y="1206579"/>
            <a:ext cx="3799962" cy="924456"/>
          </a:xfrm>
          <a:prstGeom prst="rect">
            <a:avLst/>
          </a:prstGeom>
          <a:noFill/>
          <a:ln w="12700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en-US" sz="1400">
              <a:solidFill>
                <a:schemeClr val="tx1"/>
              </a:solidFill>
            </a:endParaRPr>
          </a:p>
        </p:txBody>
      </p: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E94F3E02-D8A6-8302-C437-BA58E51796AA}"/>
              </a:ext>
            </a:extLst>
          </p:cNvPr>
          <p:cNvCxnSpPr>
            <a:cxnSpLocks/>
            <a:stCxn id="14" idx="0"/>
            <a:endCxn id="36" idx="1"/>
          </p:cNvCxnSpPr>
          <p:nvPr/>
        </p:nvCxnSpPr>
        <p:spPr bwMode="gray">
          <a:xfrm flipV="1">
            <a:off x="5819711" y="1668807"/>
            <a:ext cx="777193" cy="591241"/>
          </a:xfrm>
          <a:prstGeom prst="straightConnector1">
            <a:avLst/>
          </a:prstGeom>
          <a:ln w="25400">
            <a:solidFill>
              <a:schemeClr val="bg2">
                <a:lumMod val="60000"/>
                <a:lumOff val="40000"/>
              </a:schemeClr>
            </a:solidFill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B7FC812A-DE7E-40BF-2007-BAB9C28C0C2C}"/>
              </a:ext>
            </a:extLst>
          </p:cNvPr>
          <p:cNvCxnSpPr>
            <a:cxnSpLocks/>
            <a:stCxn id="31" idx="2"/>
            <a:endCxn id="34" idx="0"/>
          </p:cNvCxnSpPr>
          <p:nvPr/>
        </p:nvCxnSpPr>
        <p:spPr bwMode="gray">
          <a:xfrm flipH="1">
            <a:off x="2332981" y="4662706"/>
            <a:ext cx="159134" cy="533385"/>
          </a:xfrm>
          <a:prstGeom prst="straightConnector1">
            <a:avLst/>
          </a:prstGeom>
          <a:ln w="25400">
            <a:solidFill>
              <a:schemeClr val="bg2">
                <a:lumMod val="60000"/>
                <a:lumOff val="40000"/>
              </a:schemeClr>
            </a:solidFill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TextBox 47">
            <a:extLst>
              <a:ext uri="{FF2B5EF4-FFF2-40B4-BE49-F238E27FC236}">
                <a16:creationId xmlns:a16="http://schemas.microsoft.com/office/drawing/2014/main" id="{3B64EF0A-EBD6-28B4-3AB6-E3D87A87FD0B}"/>
              </a:ext>
            </a:extLst>
          </p:cNvPr>
          <p:cNvSpPr txBox="1"/>
          <p:nvPr/>
        </p:nvSpPr>
        <p:spPr bwMode="gray">
          <a:xfrm>
            <a:off x="9451224" y="5388294"/>
            <a:ext cx="2478492" cy="107200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1100" b="1">
                <a:solidFill>
                  <a:srgbClr val="002060"/>
                </a:solidFill>
              </a:rPr>
              <a:t>Technology Stack:</a:t>
            </a:r>
          </a:p>
          <a:p>
            <a:pPr marL="228600" indent="-228600" algn="l">
              <a:buAutoNum type="arabicPeriod"/>
            </a:pPr>
            <a:r>
              <a:rPr lang="en-US" sz="1100">
                <a:solidFill>
                  <a:srgbClr val="002060"/>
                </a:solidFill>
              </a:rPr>
              <a:t>LLM</a:t>
            </a:r>
          </a:p>
          <a:p>
            <a:pPr marL="228600" indent="-228600">
              <a:buAutoNum type="arabicPeriod"/>
            </a:pPr>
            <a:r>
              <a:rPr lang="en-US" sz="1100">
                <a:solidFill>
                  <a:srgbClr val="002060"/>
                </a:solidFill>
              </a:rPr>
              <a:t>Microsoft Z3 SMT (Satisfiability Modulo Theories) Solver</a:t>
            </a:r>
          </a:p>
          <a:p>
            <a:pPr marL="228600" indent="-228600">
              <a:buAutoNum type="arabicPeriod"/>
            </a:pPr>
            <a:r>
              <a:rPr lang="en-US" sz="1100" err="1">
                <a:solidFill>
                  <a:srgbClr val="002060"/>
                </a:solidFill>
              </a:rPr>
              <a:t>Graphviz</a:t>
            </a:r>
            <a:endParaRPr lang="en-US" sz="1100">
              <a:solidFill>
                <a:srgbClr val="00206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282072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7A5437-ADD2-4609-07A7-E284AB2968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9D84830-3036-7C89-2A07-F2DEBA54364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9C54A0D-5D82-5E66-C044-DF92635C6F41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8DB5395-98C6-4CBF-B4BC-980D38AFE8B6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68ACCFC-FCF8-8986-2295-8A265FA0B3C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EEB6BEE-CA30-353A-F9B0-7F0B97F1C9D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F03FCA37-0E8E-9BAF-DCDA-7CE33149339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3EA9FC6-4DF3-47E8-8260-6FE5AE4F2855}" type="datetime4">
              <a:rPr lang="en-US" noProof="0" smtClean="0"/>
              <a:t>June 24, 2025</a:t>
            </a:fld>
            <a:endParaRPr lang="en-US" noProof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1934985-7D85-DC42-9BEC-7DADACCC37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8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29210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TemplateConfiguration><![CDATA[{"slideVersion":1,"isValidatorEnabled":false,"isLocked":false,"elementsMetadata":[],"slideId":"638200966397547855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C65AE0EF257964D88D58CDD26FF6FB4" ma:contentTypeVersion="18" ma:contentTypeDescription="Create a new document." ma:contentTypeScope="" ma:versionID="ebc69f1898b8a2152468f3d2b5a724ad">
  <xsd:schema xmlns:xsd="http://www.w3.org/2001/XMLSchema" xmlns:xs="http://www.w3.org/2001/XMLSchema" xmlns:p="http://schemas.microsoft.com/office/2006/metadata/properties" xmlns:ns3="39b3d6f0-1d9f-4927-a041-9ad086586c42" xmlns:ns4="2d335d1e-5014-4e7f-994f-63395e4df510" targetNamespace="http://schemas.microsoft.com/office/2006/metadata/properties" ma:root="true" ma:fieldsID="862ab998b3d4454bf10accdbf5b12b9f" ns3:_="" ns4:_="">
    <xsd:import namespace="39b3d6f0-1d9f-4927-a041-9ad086586c42"/>
    <xsd:import namespace="2d335d1e-5014-4e7f-994f-63395e4df510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4:MediaServiceMetadata" minOccurs="0"/>
                <xsd:element ref="ns4:MediaServiceFastMetadata" minOccurs="0"/>
                <xsd:element ref="ns4:MediaServiceAutoTags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  <xsd:element ref="ns4:MediaServiceDateTaken" minOccurs="0"/>
                <xsd:element ref="ns4:MediaLengthInSeconds" minOccurs="0"/>
                <xsd:element ref="ns4:_activity" minOccurs="0"/>
                <xsd:element ref="ns4:MediaServiceLocation" minOccurs="0"/>
                <xsd:element ref="ns4:MediaServiceObjectDetectorVersions" minOccurs="0"/>
                <xsd:element ref="ns4:MediaServiceSystemTags" minOccurs="0"/>
                <xsd:element ref="ns4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b3d6f0-1d9f-4927-a041-9ad086586c42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hidden="true" ma:internalName="SharingHintHash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d335d1e-5014-4e7f-994f-63395e4df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_activity" ma:index="21" nillable="true" ma:displayName="_activity" ma:hidden="true" ma:internalName="_activity">
      <xsd:simpleType>
        <xsd:restriction base="dms:Note"/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3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ystemTags" ma:index="24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2d335d1e-5014-4e7f-994f-63395e4df510" xsi:nil="true"/>
  </documentManagement>
</p:properties>
</file>

<file path=customXml/item4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 layout-5-name="Picture full screen" shape-5-name-6="Slide number" shape-5-name-7="Date dynamic" shape-5-name-8="CopyrightText" shape-5-name-9="LogoFooter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5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Kind","value":"Xf4c5ExOMmwV3HQHUQBEpB2LxBdNippzF1PxgQ/XIi0="},{"name":"Language","value":"nVWUwVCH4hPlxqXy4HP9YtfdIMCGVn0BS77jADLFKoo="},{"name":"LifeCycleStatus","value":"QnWOujKLJp1RvJFaXvBl6HPTKUr9NiUrF8/eA/+Hz0E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6.xml><?xml version="1.0" encoding="utf-8"?>
<TemplafyTemplateConfiguration><![CDATA[{"elementsMetadata":[{"type":"shape","id":"90cefe14-ed60-43d8-88f0-4ad03091e025","elementConfiguration":{"binding":"{{FormatDateTime(Form.PreparedDate, \"MMMM d, yyyy\")}}","visibility":"","type":"text","disableUpdates":false}},{"type":"shape","id":"af4a5e0e-0509-4fea-810c-aaf15cefe97e","elementConfiguration":{"width":"4.25 cm","height":"0.7 cm","image":"{{Form.SecurityLevel.Classification}}","type":"image","disableUpdates":false}},{"type":"shape","id":"a838528d-70ed-4d4c-8dbd-414474f55dd9","elementConfiguration":{"width":"4.25 cm","height":"0.7 cm","image":"{{Form.SecurityLevel.Classification}}","type":"image","disableUpdates":false}},{"type":"shape","id":"8d11535e-ce94-48a9-b777-d05e314c051d","elementConfiguration":{"width":"4.25 cm","height":"0.7 cm","image":"{{Form.SecurityLevel.Classification}}","type":"image","disableUpdates":false}},{"type":"shape","id":"be526408-ac36-4fbc-a341-755f6854ea5d","elementConfiguration":{"width":"4.25 cm","height":"0.7 cm","image":"{{Form.SecurityLevel.Classification}}","type":"image","disableUpdates":false}},{"type":"shape","id":"d9da1d87-11a4-4659-893e-aa5746093ddf","elementConfiguration":{"width":"4.25 cm","height":"0.7 cm","image":"{{Form.SecurityLevel.Classification}}","type":"image","disableUpdates":false}},{"type":"shape","id":"33c3163c-939e-4d3d-8b15-3bbaf1ba2659","elementConfiguration":{"width":"4.25 cm","height":"0.7 cm","image":"{{Form.SecurityLevel.Classification}}","type":"image","disableUpdates":false}},{"type":"shape","id":"b0c9ed31-e9f5-43ba-aa94-cc01658f538d","elementConfiguration":{"width":"4.25 cm","height":"0.7 cm","image":"{{Form.SecurityLevel.Classification}}","type":"image","disableUpdates":false}},{"type":"shape","id":"d9ba40e5-c11f-4a8a-b0c9-4b2eb2897fab","elementConfiguration":{"width":"4.25 cm","height":"0.7 cm","image":"{{Form.SecurityLevel.Classification}}","type":"image","disableUpdates":false}},{"type":"shape","id":"8c43379d-0844-459e-98fb-8404916350d4","elementConfiguration":{"width":"4.25 cm","height":"0.7 cm","image":"{{Form.SecurityLevel.Classification}}","type":"image","disableUpdates":false}},{"type":"shape","id":"f4d5a819-eb17-4ba1-b345-c6eb96a8f3cf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- Blank with Dynamics - 20230511 - 2","templateDescription":"","enableDocumentContentUpdater":true,"version":"2.0"}]]></TemplafyTemplateConfiguration>
</file>

<file path=customXml/item7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638200966397366570","enableDocumentContentUpdater":false,"version":"2.0"}]]></TemplafySlideTemplateConfiguration>
</file>

<file path=customXml/item8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DD3C33AD-792D-4526-B706-A09FEA4C6707}">
  <ds:schemaRefs/>
</ds:datastoreItem>
</file>

<file path=customXml/itemProps2.xml><?xml version="1.0" encoding="utf-8"?>
<ds:datastoreItem xmlns:ds="http://schemas.openxmlformats.org/officeDocument/2006/customXml" ds:itemID="{852951F1-986E-468D-B323-8FC3914B98E1}">
  <ds:schemaRefs>
    <ds:schemaRef ds:uri="2d335d1e-5014-4e7f-994f-63395e4df510"/>
    <ds:schemaRef ds:uri="39b3d6f0-1d9f-4927-a041-9ad086586c42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20F01761-FF92-45AA-AFD3-07A4C4C43484}">
  <ds:schemaRefs>
    <ds:schemaRef ds:uri="2d335d1e-5014-4e7f-994f-63395e4df510"/>
    <ds:schemaRef ds:uri="39b3d6f0-1d9f-4927-a041-9ad086586c42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3701DADA-2F68-45DF-8F02-C8ED25A02974}">
  <ds:schemaRefs/>
</ds:datastoreItem>
</file>

<file path=customXml/itemProps5.xml><?xml version="1.0" encoding="utf-8"?>
<ds:datastoreItem xmlns:ds="http://schemas.openxmlformats.org/officeDocument/2006/customXml" ds:itemID="{88746BAB-2507-4F3A-B16E-ED38367EE530}">
  <ds:schemaRefs/>
</ds:datastoreItem>
</file>

<file path=customXml/itemProps6.xml><?xml version="1.0" encoding="utf-8"?>
<ds:datastoreItem xmlns:ds="http://schemas.openxmlformats.org/officeDocument/2006/customXml" ds:itemID="{D2280EEE-F7B5-4B82-8B3F-6C5291CE43BF}">
  <ds:schemaRefs/>
</ds:datastoreItem>
</file>

<file path=customXml/itemProps7.xml><?xml version="1.0" encoding="utf-8"?>
<ds:datastoreItem xmlns:ds="http://schemas.openxmlformats.org/officeDocument/2006/customXml" ds:itemID="{583016FA-8CF4-49F0-B3A3-2E0DED7C71BA}">
  <ds:schemaRefs/>
</ds:datastoreItem>
</file>

<file path=customXml/itemProps8.xml><?xml version="1.0" encoding="utf-8"?>
<ds:datastoreItem xmlns:ds="http://schemas.openxmlformats.org/officeDocument/2006/customXml" ds:itemID="{3ECD800E-71F1-48A7-95FD-4E027165EBAE}">
  <ds:schemaRefs/>
</ds:datastoreItem>
</file>

<file path=customXml/itemProps9.xml><?xml version="1.0" encoding="utf-8"?>
<ds:datastoreItem xmlns:ds="http://schemas.openxmlformats.org/officeDocument/2006/customXml" ds:itemID="{55E46940-6434-4A2E-97B3-DE85BC1783F5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1210</TotalTime>
  <Words>318</Words>
  <Application>Microsoft Office PowerPoint</Application>
  <PresentationFormat>Widescreen</PresentationFormat>
  <Paragraphs>66</Paragraphs>
  <Slides>8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3" baseType="lpstr">
      <vt:lpstr>ABBvoice</vt:lpstr>
      <vt:lpstr>ABBvoice Light</vt:lpstr>
      <vt:lpstr>ABBvoiceOffice</vt:lpstr>
      <vt:lpstr>Arial</vt:lpstr>
      <vt:lpstr>ABB Master</vt:lpstr>
      <vt:lpstr>MCP Training</vt:lpstr>
      <vt:lpstr>Limitation of Pre-trained Models</vt:lpstr>
      <vt:lpstr>What could be the possible approach ?</vt:lpstr>
      <vt:lpstr>MCP (Model Context Protocol)</vt:lpstr>
      <vt:lpstr>PowerPoint Presentation</vt:lpstr>
      <vt:lpstr>PowerPoint Presentation</vt:lpstr>
      <vt:lpstr>Process Outline – Tech stack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RFQ Stream updates</dc:title>
  <dc:creator>ABB</dc:creator>
  <cp:lastModifiedBy>Bhanu Chander V</cp:lastModifiedBy>
  <cp:revision>2</cp:revision>
  <dcterms:created xsi:type="dcterms:W3CDTF">2023-11-26T07:15:43Z</dcterms:created>
  <dcterms:modified xsi:type="dcterms:W3CDTF">2025-06-24T05:44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3-05-19T12:37:20</vt:lpwstr>
  </property>
  <property fmtid="{D5CDD505-2E9C-101B-9397-08002B2CF9AE}" pid="7" name="TemplafyTenantId">
    <vt:lpwstr>abb</vt:lpwstr>
  </property>
  <property fmtid="{D5CDD505-2E9C-101B-9397-08002B2CF9AE}" pid="8" name="TemplafyTemplateId">
    <vt:lpwstr>638200966374366508</vt:lpwstr>
  </property>
  <property fmtid="{D5CDD505-2E9C-101B-9397-08002B2CF9AE}" pid="9" name="TemplafyUserProfileId">
    <vt:lpwstr>637979501898778985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true</vt:bool>
  </property>
  <property fmtid="{D5CDD505-2E9C-101B-9397-08002B2CF9AE}" pid="13" name="ContentTypeId">
    <vt:lpwstr>0x0101001C65AE0EF257964D88D58CDD26FF6FB4</vt:lpwstr>
  </property>
</Properties>
</file>